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X:\ユーザー作業用フォルダ\A01_総務担当\05_計理・契約・管財・環境管理関係\501 予算・決算\R4予算\00R4市政改革室予算編成作業\09_予算案公表\04_3月公表\添付ファイル\"/>
    </mc:Choice>
  </mc:AlternateContent>
  <bookViews>
    <workbookView xWindow="-120" yWindow="-120" windowWidth="21840" windowHeight="13140"/>
  </bookViews>
  <sheets>
    <sheet name="様式5歳入一覧" sheetId="1" r:id="rId1"/>
  </sheets>
  <externalReferences>
    <externalReference r:id="rId2"/>
    <externalReference r:id="rId3"/>
  </externalReferences>
  <definedNames>
    <definedName name="_xlnm._FilterDatabase" localSheetId="0" hidden="1">様式5歳入一覧!$A$6:$GP$12</definedName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5歳入一覧!$A$1:$K$13</definedName>
    <definedName name="_xlnm.Print_Titles" localSheetId="0">様式5歳入一覧!$4:$7</definedName>
    <definedName name="rrr">'[1]様式16（見直しチェックシート）'!$U$53:$V$53</definedName>
    <definedName name="Z_01EAA192_030B_4B32_8504_E8B9ACF08987_.wvu.FilterData" localSheetId="0" hidden="1">様式5歳入一覧!$A$6:$AT$12</definedName>
    <definedName name="Z_03AE82A1_1BE2_4ECA_87A2_03B930490FC4_.wvu.FilterData" localSheetId="0" hidden="1">様式5歳入一覧!$A$6:$GP$12</definedName>
    <definedName name="Z_04C8A1BA_9D22_46C9_9CEB_2BC0004FC685_.wvu.FilterData" localSheetId="0" hidden="1">様式5歳入一覧!$B$6:$V$12</definedName>
    <definedName name="Z_04D09D8C_94A5_461B_8EBD_462A08259C45_.wvu.FilterData" localSheetId="0" hidden="1">様式5歳入一覧!$A$6:$GP$12</definedName>
    <definedName name="Z_052F3F11_C124_459E_99F9_1A701D48C614_.wvu.Cols" localSheetId="0" hidden="1">様式5歳入一覧!$R:$S</definedName>
    <definedName name="Z_052F3F11_C124_459E_99F9_1A701D48C614_.wvu.FilterData" localSheetId="0" hidden="1">様式5歳入一覧!$A$6:$GP$12</definedName>
    <definedName name="Z_052F3F11_C124_459E_99F9_1A701D48C614_.wvu.PrintArea" localSheetId="0" hidden="1">様式5歳入一覧!$A$1:$K$14</definedName>
    <definedName name="Z_052F3F11_C124_459E_99F9_1A701D48C614_.wvu.PrintTitles" localSheetId="0" hidden="1">様式5歳入一覧!$4:$7</definedName>
    <definedName name="Z_06B37801_B90C_4714_B129_94818EB4F65E_.wvu.Cols" localSheetId="0" hidden="1">様式5歳入一覧!$M:$S</definedName>
    <definedName name="Z_06B37801_B90C_4714_B129_94818EB4F65E_.wvu.FilterData" localSheetId="0" hidden="1">様式5歳入一覧!$A$6:$GP$12</definedName>
    <definedName name="Z_06B37801_B90C_4714_B129_94818EB4F65E_.wvu.PrintArea" localSheetId="0" hidden="1">様式5歳入一覧!$A$1:$K$13</definedName>
    <definedName name="Z_06B37801_B90C_4714_B129_94818EB4F65E_.wvu.PrintTitles" localSheetId="0" hidden="1">様式5歳入一覧!$4:$7</definedName>
    <definedName name="Z_0984F2AA_60F2_4912_A9FF_2F9A955D5FE3_.wvu.FilterData" localSheetId="0" hidden="1">様式5歳入一覧!$A$7:$GP$12</definedName>
    <definedName name="Z_0C68AD9F_EAAC_4D8C_8595_325E5145CCC9_.wvu.FilterData" localSheetId="0" hidden="1">様式5歳入一覧!$B$6:$V$12</definedName>
    <definedName name="Z_0EC137BB_4649_439E_A306_A2900F1F636A_.wvu.FilterData" localSheetId="0" hidden="1">様式5歳入一覧!$B$6:$V$12</definedName>
    <definedName name="Z_1199D24E_5AB2_4E7F_AA3B_409733D51AC4_.wvu.FilterData" localSheetId="0" hidden="1">様式5歳入一覧!$A$6:$GP$12</definedName>
    <definedName name="Z_1E7D5732_EF56_415D_8F2A_A9A6136A4DC3_.wvu.FilterData" localSheetId="0" hidden="1">様式5歳入一覧!$B$6:$V$12</definedName>
    <definedName name="Z_20E8B0EC_118D_49EF_9836_FFD168BFA307_.wvu.FilterData" localSheetId="0" hidden="1">様式5歳入一覧!$A$6:$AU$12</definedName>
    <definedName name="Z_22995149_BE93_441E_A433_BD1625B87C24_.wvu.Cols" localSheetId="0" hidden="1">様式5歳入一覧!$R:$S</definedName>
    <definedName name="Z_22995149_BE93_441E_A433_BD1625B87C24_.wvu.FilterData" localSheetId="0" hidden="1">様式5歳入一覧!$A$6:$GP$12</definedName>
    <definedName name="Z_22995149_BE93_441E_A433_BD1625B87C24_.wvu.PrintArea" localSheetId="0" hidden="1">様式5歳入一覧!$A$1:$K$14</definedName>
    <definedName name="Z_22995149_BE93_441E_A433_BD1625B87C24_.wvu.PrintTitles" localSheetId="0" hidden="1">様式5歳入一覧!$4:$7</definedName>
    <definedName name="Z_22CA7278_0BB0_43BE_B164_268A2E7E7747_.wvu.Cols" localSheetId="0" hidden="1">様式5歳入一覧!$R:$S</definedName>
    <definedName name="Z_22CA7278_0BB0_43BE_B164_268A2E7E7747_.wvu.FilterData" localSheetId="0" hidden="1">様式5歳入一覧!$A$6:$GP$12</definedName>
    <definedName name="Z_22CA7278_0BB0_43BE_B164_268A2E7E7747_.wvu.PrintArea" localSheetId="0" hidden="1">様式5歳入一覧!$A$1:$K$14</definedName>
    <definedName name="Z_22CA7278_0BB0_43BE_B164_268A2E7E7747_.wvu.PrintTitles" localSheetId="0" hidden="1">様式5歳入一覧!$4:$7</definedName>
    <definedName name="Z_23F43B3A_3258_499E_84AA_5934348FFA54_.wvu.FilterData" localSheetId="0" hidden="1">様式5歳入一覧!$A$6:$GP$12</definedName>
    <definedName name="Z_24D4AB45_3A64_4C2A_93AD_95EA6B944657_.wvu.FilterData" localSheetId="0" hidden="1">様式5歳入一覧!$B$6:$V$12</definedName>
    <definedName name="Z_27FE125A_CAC0_4187_BAC1_FA85A21F8068_.wvu.FilterData" localSheetId="0" hidden="1">様式5歳入一覧!$A$6:$GP$12</definedName>
    <definedName name="Z_291BEBD1_3E67_44D7_B7E4_9799E8B2AEED_.wvu.FilterData" localSheetId="0" hidden="1">様式5歳入一覧!$B$6:$V$12</definedName>
    <definedName name="Z_2AC5AF6D_E947_4E06_81E5_FE5E3908C039_.wvu.Cols" localSheetId="0" hidden="1">様式5歳入一覧!$R:$S</definedName>
    <definedName name="Z_2AC5AF6D_E947_4E06_81E5_FE5E3908C039_.wvu.FilterData" localSheetId="0" hidden="1">様式5歳入一覧!$A$6:$GP$12</definedName>
    <definedName name="Z_2AC5AF6D_E947_4E06_81E5_FE5E3908C039_.wvu.PrintArea" localSheetId="0" hidden="1">様式5歳入一覧!$A$1:$K$14</definedName>
    <definedName name="Z_2AC5AF6D_E947_4E06_81E5_FE5E3908C039_.wvu.PrintTitles" localSheetId="0" hidden="1">様式5歳入一覧!$4:$7</definedName>
    <definedName name="Z_2C82E193_3E09_4CE3_80B4_E2A9361A46F4_.wvu.FilterData" localSheetId="0" hidden="1">様式5歳入一覧!$B$6:$V$12</definedName>
    <definedName name="Z_300532A4_C979_47B6_AE96_7529D1452A32_.wvu.FilterData" localSheetId="0" hidden="1">様式5歳入一覧!$A$6:$GP$12</definedName>
    <definedName name="Z_340A5395_F3C0_4C00_AD4A_45ABD0096A3A_.wvu.FilterData" localSheetId="0" hidden="1">様式5歳入一覧!$A$7:$GP$12</definedName>
    <definedName name="Z_366D8082_4247_4BD2_8EA9_CB5780D5FB7B_.wvu.Cols" localSheetId="0" hidden="1">様式5歳入一覧!$R:$S</definedName>
    <definedName name="Z_366D8082_4247_4BD2_8EA9_CB5780D5FB7B_.wvu.FilterData" localSheetId="0" hidden="1">様式5歳入一覧!$A$6:$GP$12</definedName>
    <definedName name="Z_366D8082_4247_4BD2_8EA9_CB5780D5FB7B_.wvu.PrintArea" localSheetId="0" hidden="1">様式5歳入一覧!$A$1:$K$14</definedName>
    <definedName name="Z_366D8082_4247_4BD2_8EA9_CB5780D5FB7B_.wvu.PrintTitles" localSheetId="0" hidden="1">様式5歳入一覧!$4:$7</definedName>
    <definedName name="Z_374AF662_332C_4305_9FF2_82EBDABE1ECA_.wvu.FilterData" localSheetId="0" hidden="1">様式5歳入一覧!$B$6:$V$12</definedName>
    <definedName name="Z_38677CFC_38FD_428F_B2E6_28D6556AF30E_.wvu.FilterData" localSheetId="0" hidden="1">様式5歳入一覧!$A$6:$AT$12</definedName>
    <definedName name="Z_3EED8F5F_471C_4B50_994D_BB7BEF016969_.wvu.FilterData" localSheetId="0" hidden="1">様式5歳入一覧!$B$6:$V$12</definedName>
    <definedName name="Z_44110B35_593F_4B4A_A409_C3E96DF3A694_.wvu.Cols" localSheetId="0" hidden="1">様式5歳入一覧!$R:$S</definedName>
    <definedName name="Z_44110B35_593F_4B4A_A409_C3E96DF3A694_.wvu.FilterData" localSheetId="0" hidden="1">様式5歳入一覧!$A$7:$GP$12</definedName>
    <definedName name="Z_44110B35_593F_4B4A_A409_C3E96DF3A694_.wvu.PrintArea" localSheetId="0" hidden="1">様式5歳入一覧!$A$1:$K$14</definedName>
    <definedName name="Z_44110B35_593F_4B4A_A409_C3E96DF3A694_.wvu.PrintTitles" localSheetId="0" hidden="1">様式5歳入一覧!$4:$7</definedName>
    <definedName name="Z_443FC1F6_4EB0_4043_84B4_EA880B09B87F_.wvu.FilterData" localSheetId="0" hidden="1">様式5歳入一覧!$A$6:$AU$12</definedName>
    <definedName name="Z_444B054F_1122_4B41_9106_F9A119111E6C_.wvu.Cols" localSheetId="0" hidden="1">様式5歳入一覧!$R:$S</definedName>
    <definedName name="Z_444B054F_1122_4B41_9106_F9A119111E6C_.wvu.FilterData" localSheetId="0" hidden="1">様式5歳入一覧!$A$6:$GP$12</definedName>
    <definedName name="Z_444B054F_1122_4B41_9106_F9A119111E6C_.wvu.PrintArea" localSheetId="0" hidden="1">様式5歳入一覧!$A$1:$K$14</definedName>
    <definedName name="Z_444B054F_1122_4B41_9106_F9A119111E6C_.wvu.PrintTitles" localSheetId="0" hidden="1">様式5歳入一覧!$4:$7</definedName>
    <definedName name="Z_45D004E6_D125_4BDB_B604_8C7F9987A296_.wvu.Cols" localSheetId="0" hidden="1">様式5歳入一覧!$R:$S</definedName>
    <definedName name="Z_45D004E6_D125_4BDB_B604_8C7F9987A296_.wvu.FilterData" localSheetId="0" hidden="1">様式5歳入一覧!$A$6:$GP$12</definedName>
    <definedName name="Z_45D004E6_D125_4BDB_B604_8C7F9987A296_.wvu.PrintArea" localSheetId="0" hidden="1">様式5歳入一覧!$A$1:$K$14</definedName>
    <definedName name="Z_45D004E6_D125_4BDB_B604_8C7F9987A296_.wvu.PrintTitles" localSheetId="0" hidden="1">様式5歳入一覧!$4:$7</definedName>
    <definedName name="Z_4697FA6B_DE17_44B8_B6B3_A9559B9E7087_.wvu.Cols" localSheetId="0" hidden="1">様式5歳入一覧!$R:$S</definedName>
    <definedName name="Z_4697FA6B_DE17_44B8_B6B3_A9559B9E7087_.wvu.FilterData" localSheetId="0" hidden="1">様式5歳入一覧!$A$6:$GP$12</definedName>
    <definedName name="Z_4697FA6B_DE17_44B8_B6B3_A9559B9E7087_.wvu.PrintArea" localSheetId="0" hidden="1">様式5歳入一覧!$A$1:$K$14</definedName>
    <definedName name="Z_4697FA6B_DE17_44B8_B6B3_A9559B9E7087_.wvu.PrintTitles" localSheetId="0" hidden="1">様式5歳入一覧!$4:$7</definedName>
    <definedName name="Z_4FA438CA_84A7_4E4A_B647_D9C724313A30_.wvu.FilterData" localSheetId="0" hidden="1">様式5歳入一覧!$A$6:$AT$12</definedName>
    <definedName name="Z_50AC8F9C_2188_4C12_A141_8BE304C786F0_.wvu.Cols" localSheetId="0" hidden="1">様式5歳入一覧!$R:$S</definedName>
    <definedName name="Z_50AC8F9C_2188_4C12_A141_8BE304C786F0_.wvu.FilterData" localSheetId="0" hidden="1">様式5歳入一覧!$A$6:$GP$12</definedName>
    <definedName name="Z_50AC8F9C_2188_4C12_A141_8BE304C786F0_.wvu.PrintArea" localSheetId="0" hidden="1">様式5歳入一覧!$A$1:$K$13</definedName>
    <definedName name="Z_50AC8F9C_2188_4C12_A141_8BE304C786F0_.wvu.PrintTitles" localSheetId="0" hidden="1">様式5歳入一覧!$4:$7</definedName>
    <definedName name="Z_554CCE7A_C6CE_47E9_833C_4F6A16FE021F_.wvu.FilterData" localSheetId="0" hidden="1">様式5歳入一覧!$A$6:$GP$12</definedName>
    <definedName name="Z_5668B71E_8807_468B_9970_38F9A9F9382A_.wvu.FilterData" localSheetId="0" hidden="1">様式5歳入一覧!$B$6:$V$12</definedName>
    <definedName name="Z_56C3E958_62F0_4D5E_80EF_1B0A7490DD11_.wvu.FilterData" localSheetId="0" hidden="1">様式5歳入一覧!$A$6:$GP$12</definedName>
    <definedName name="Z_571E855B_8DA1_45D3_B25A_CFB379B91A2B_.wvu.FilterData" localSheetId="0" hidden="1">様式5歳入一覧!$A$7:$AY$12</definedName>
    <definedName name="Z_57745067_BF0B_4087_B5A6_8A5691A551DD_.wvu.FilterData" localSheetId="0" hidden="1">様式5歳入一覧!$A$6:$AU$12</definedName>
    <definedName name="Z_581BD237_B078_4701_B24C_0BFF302F5B2F_.wvu.Cols" localSheetId="0" hidden="1">様式5歳入一覧!$R:$S</definedName>
    <definedName name="Z_581BD237_B078_4701_B24C_0BFF302F5B2F_.wvu.FilterData" localSheetId="0" hidden="1">様式5歳入一覧!$A$6:$GP$12</definedName>
    <definedName name="Z_581BD237_B078_4701_B24C_0BFF302F5B2F_.wvu.PrintArea" localSheetId="0" hidden="1">様式5歳入一覧!$A$1:$K$14</definedName>
    <definedName name="Z_581BD237_B078_4701_B24C_0BFF302F5B2F_.wvu.PrintTitles" localSheetId="0" hidden="1">様式5歳入一覧!$4:$7</definedName>
    <definedName name="Z_593CF9A4_75B1_449B_AD6A_05BC18F73933_.wvu.FilterData" localSheetId="0" hidden="1">様式5歳入一覧!$A$6:$GP$12</definedName>
    <definedName name="Z_5F0F1A79_0791_4C2C_8D13_6CD22FD0499B_.wvu.Cols" localSheetId="0" hidden="1">様式5歳入一覧!$R:$S</definedName>
    <definedName name="Z_5F0F1A79_0791_4C2C_8D13_6CD22FD0499B_.wvu.FilterData" localSheetId="0" hidden="1">様式5歳入一覧!$A$6:$AU$12</definedName>
    <definedName name="Z_5F0F1A79_0791_4C2C_8D13_6CD22FD0499B_.wvu.PrintArea" localSheetId="0" hidden="1">様式5歳入一覧!$A$1:$K$14</definedName>
    <definedName name="Z_5F0F1A79_0791_4C2C_8D13_6CD22FD0499B_.wvu.PrintTitles" localSheetId="0" hidden="1">様式5歳入一覧!$4:$7</definedName>
    <definedName name="Z_5F6E0A5B_1F3F_4878_8986_ED55F9EE06F4_.wvu.Cols" localSheetId="0" hidden="1">様式5歳入一覧!$R:$S</definedName>
    <definedName name="Z_5F6E0A5B_1F3F_4878_8986_ED55F9EE06F4_.wvu.FilterData" localSheetId="0" hidden="1">様式5歳入一覧!$A$6:$GP$12</definedName>
    <definedName name="Z_5F6E0A5B_1F3F_4878_8986_ED55F9EE06F4_.wvu.PrintArea" localSheetId="0" hidden="1">様式5歳入一覧!$A$1:$K$14</definedName>
    <definedName name="Z_5F6E0A5B_1F3F_4878_8986_ED55F9EE06F4_.wvu.PrintTitles" localSheetId="0" hidden="1">様式5歳入一覧!$4:$7</definedName>
    <definedName name="Z_640D24A1_F93A_49AE_989A_09EA35DB6178_.wvu.FilterData" localSheetId="0" hidden="1">様式5歳入一覧!$A$7:$GP$12</definedName>
    <definedName name="Z_64D5DF4B_9089_4084_958D_1D0FB5779114_.wvu.Cols" localSheetId="0" hidden="1">様式5歳入一覧!$R:$S</definedName>
    <definedName name="Z_64D5DF4B_9089_4084_958D_1D0FB5779114_.wvu.FilterData" localSheetId="0" hidden="1">様式5歳入一覧!$A$6:$GP$12</definedName>
    <definedName name="Z_64D5DF4B_9089_4084_958D_1D0FB5779114_.wvu.PrintArea" localSheetId="0" hidden="1">様式5歳入一覧!$A$1:$K$14</definedName>
    <definedName name="Z_64D5DF4B_9089_4084_958D_1D0FB5779114_.wvu.PrintTitles" localSheetId="0" hidden="1">様式5歳入一覧!$4:$7</definedName>
    <definedName name="Z_66224404_EA19_4356_92BE_A2F395931004_.wvu.FilterData" localSheetId="0" hidden="1">様式5歳入一覧!$A$6:$AT$12</definedName>
    <definedName name="Z_665488CF_8ABE_4275_9644_48E5F5043390_.wvu.FilterData" localSheetId="0" hidden="1">様式5歳入一覧!$B$6:$V$12</definedName>
    <definedName name="Z_6989C8E8_DF8B_443A_A0DC_63D85A87347B_.wvu.Cols" localSheetId="0" hidden="1">様式5歳入一覧!$R:$S</definedName>
    <definedName name="Z_6989C8E8_DF8B_443A_A0DC_63D85A87347B_.wvu.FilterData" localSheetId="0" hidden="1">様式5歳入一覧!$A$6:$GP$12</definedName>
    <definedName name="Z_6989C8E8_DF8B_443A_A0DC_63D85A87347B_.wvu.PrintArea" localSheetId="0" hidden="1">様式5歳入一覧!$A$1:$K$14</definedName>
    <definedName name="Z_6989C8E8_DF8B_443A_A0DC_63D85A87347B_.wvu.PrintTitles" localSheetId="0" hidden="1">様式5歳入一覧!$4:$7</definedName>
    <definedName name="Z_70837B7F_EB31_4D6D_B20E_5962F6B0E27E_.wvu.Cols" localSheetId="0" hidden="1">様式5歳入一覧!$R:$S</definedName>
    <definedName name="Z_70837B7F_EB31_4D6D_B20E_5962F6B0E27E_.wvu.FilterData" localSheetId="0" hidden="1">様式5歳入一覧!$A$6:$GP$12</definedName>
    <definedName name="Z_70837B7F_EB31_4D6D_B20E_5962F6B0E27E_.wvu.PrintArea" localSheetId="0" hidden="1">様式5歳入一覧!$A$1:$K$14</definedName>
    <definedName name="Z_70837B7F_EB31_4D6D_B20E_5962F6B0E27E_.wvu.PrintTitles" localSheetId="0" hidden="1">様式5歳入一覧!$4:$7</definedName>
    <definedName name="Z_70924426_1D8A_405C_99DB_5F184299D133_.wvu.FilterData" localSheetId="0" hidden="1">様式5歳入一覧!$A$6:$GP$12</definedName>
    <definedName name="Z_749145BA_5224_4309_8744_80063D3AC2A1_.wvu.FilterData" localSheetId="0" hidden="1">様式5歳入一覧!$B$6:$V$12</definedName>
    <definedName name="Z_7959981C_996C_4AED_A61B_9791C16E24F0_.wvu.FilterData" localSheetId="0" hidden="1">様式5歳入一覧!$A$6:$GP$12</definedName>
    <definedName name="Z_7A18676E_04A4_4AFB_8334_7BB0F24E5EE3_.wvu.FilterData" localSheetId="0" hidden="1">様式5歳入一覧!$A$7:$GP$12</definedName>
    <definedName name="Z_7BAEEC97_8C0D_4727_9C2C_C181F26DD884_.wvu.Cols" localSheetId="0" hidden="1">様式5歳入一覧!$R:$S</definedName>
    <definedName name="Z_7BAEEC97_8C0D_4727_9C2C_C181F26DD884_.wvu.FilterData" localSheetId="0" hidden="1">様式5歳入一覧!$A$6:$GP$12</definedName>
    <definedName name="Z_7BAEEC97_8C0D_4727_9C2C_C181F26DD884_.wvu.PrintArea" localSheetId="0" hidden="1">様式5歳入一覧!$A$1:$K$13</definedName>
    <definedName name="Z_7BAEEC97_8C0D_4727_9C2C_C181F26DD884_.wvu.PrintTitles" localSheetId="0" hidden="1">様式5歳入一覧!$4:$7</definedName>
    <definedName name="Z_7D518F9E_8A7F_4DB5_A328_AF9BA1D8A68F_.wvu.FilterData" localSheetId="0" hidden="1">様式5歳入一覧!$B$6:$V$12</definedName>
    <definedName name="Z_7D7B3232_DD2F_4BAD_9D61_7BB9E8FBC5D0_.wvu.FilterData" localSheetId="0" hidden="1">様式5歳入一覧!$A$7:$GP$12</definedName>
    <definedName name="Z_7E2DCBD7_F134_4F01_A073_369742F025BC_.wvu.FilterData" localSheetId="0" hidden="1">様式5歳入一覧!$B$6:$V$12</definedName>
    <definedName name="Z_7F4591BF_0F6E_463C_863C_F8DFB75D20FC_.wvu.Cols" localSheetId="0" hidden="1">様式5歳入一覧!$R:$S</definedName>
    <definedName name="Z_7F4591BF_0F6E_463C_863C_F8DFB75D20FC_.wvu.FilterData" localSheetId="0" hidden="1">様式5歳入一覧!$A$6:$AU$12</definedName>
    <definedName name="Z_7F4591BF_0F6E_463C_863C_F8DFB75D20FC_.wvu.PrintArea" localSheetId="0" hidden="1">様式5歳入一覧!$A$1:$K$14</definedName>
    <definedName name="Z_7F4591BF_0F6E_463C_863C_F8DFB75D20FC_.wvu.PrintTitles" localSheetId="0" hidden="1">様式5歳入一覧!$4:$7</definedName>
    <definedName name="Z_7F9543F0_7900_417C_8668_8D9DC3C6A87C_.wvu.FilterData" localSheetId="0" hidden="1">様式5歳入一覧!$B$6:$V$12</definedName>
    <definedName name="Z_81B5A484_EBF1_4915_9B07_DDCCFE2DB28C_.wvu.FilterData" localSheetId="0" hidden="1">様式5歳入一覧!$B$6:$V$12</definedName>
    <definedName name="Z_86736FF6_D9DA_4CB4_A1A0_805D5D48FA90_.wvu.FilterData" localSheetId="0" hidden="1">様式5歳入一覧!$B$6:$V$12</definedName>
    <definedName name="Z_88E44795_6332_42B5_AD03_CD37EB030AF2_.wvu.FilterData" localSheetId="0" hidden="1">様式5歳入一覧!$B$6:$V$12</definedName>
    <definedName name="Z_89110E34_4E32_4289_9AEB_D2891C4E270B_.wvu.FilterData" localSheetId="0" hidden="1">様式5歳入一覧!$A$6:$AU$12</definedName>
    <definedName name="Z_89C710E6_1500_4641_966A_C6D35D6B7EB2_.wvu.FilterData" localSheetId="0" hidden="1">様式5歳入一覧!$B$6:$V$12</definedName>
    <definedName name="Z_8B9E1F4E_8704_47E3_AFC2_BD7B7399C304_.wvu.FilterData" localSheetId="0" hidden="1">様式5歳入一覧!$B$6:$V$12</definedName>
    <definedName name="Z_8DE503A8_656E_41FA_9ED6_359FA3721ACF_.wvu.Cols" localSheetId="0" hidden="1">様式5歳入一覧!$R:$S</definedName>
    <definedName name="Z_8DE503A8_656E_41FA_9ED6_359FA3721ACF_.wvu.FilterData" localSheetId="0" hidden="1">様式5歳入一覧!$A$6:$GP$12</definedName>
    <definedName name="Z_8DE503A8_656E_41FA_9ED6_359FA3721ACF_.wvu.PrintArea" localSheetId="0" hidden="1">様式5歳入一覧!$A$1:$K$13</definedName>
    <definedName name="Z_8DE503A8_656E_41FA_9ED6_359FA3721ACF_.wvu.PrintTitles" localSheetId="0" hidden="1">様式5歳入一覧!$4:$7</definedName>
    <definedName name="Z_901A4DB5_9501_4EB6_9268_72DC5604D1B1_.wvu.FilterData" localSheetId="0" hidden="1">様式5歳入一覧!$A$7:$GP$12</definedName>
    <definedName name="Z_938E702C_B36A_4670_81CA_FE17F251577A_.wvu.FilterData" localSheetId="0" hidden="1">様式5歳入一覧!$A$7:$GP$12</definedName>
    <definedName name="Z_97250119_8D07_4D98_BD4A_0062145CE139_.wvu.FilterData" localSheetId="0" hidden="1">様式5歳入一覧!$A$7:$GP$12</definedName>
    <definedName name="Z_99CD74FC_8B79_402C_9E5F_4C8C844F7522_.wvu.Cols" localSheetId="0" hidden="1">様式5歳入一覧!$R:$S</definedName>
    <definedName name="Z_99CD74FC_8B79_402C_9E5F_4C8C844F7522_.wvu.FilterData" localSheetId="0" hidden="1">様式5歳入一覧!$A$6:$AU$12</definedName>
    <definedName name="Z_99CD74FC_8B79_402C_9E5F_4C8C844F7522_.wvu.PrintArea" localSheetId="0" hidden="1">様式5歳入一覧!$A$1:$K$14</definedName>
    <definedName name="Z_99CD74FC_8B79_402C_9E5F_4C8C844F7522_.wvu.PrintTitles" localSheetId="0" hidden="1">様式5歳入一覧!$4:$7</definedName>
    <definedName name="Z_9B02B18F_FBC3_4003_B64D_6BF6D2FAF148_.wvu.Cols" localSheetId="0" hidden="1">様式5歳入一覧!$R:$S</definedName>
    <definedName name="Z_9B02B18F_FBC3_4003_B64D_6BF6D2FAF148_.wvu.FilterData" localSheetId="0" hidden="1">様式5歳入一覧!$A$6:$GP$12</definedName>
    <definedName name="Z_9B02B18F_FBC3_4003_B64D_6BF6D2FAF148_.wvu.PrintArea" localSheetId="0" hidden="1">様式5歳入一覧!$A$1:$K$14</definedName>
    <definedName name="Z_9B02B18F_FBC3_4003_B64D_6BF6D2FAF148_.wvu.PrintTitles" localSheetId="0" hidden="1">様式5歳入一覧!$4:$7</definedName>
    <definedName name="Z_9B4A25DD_435F_45A5_893D_7D8E03D5FC78_.wvu.FilterData" localSheetId="0" hidden="1">様式5歳入一覧!$B$6:$V$12</definedName>
    <definedName name="Z_9C01AE63_CFF0_4106_9038_7FADD737BB91_.wvu.Cols" localSheetId="0" hidden="1">様式5歳入一覧!$R:$S</definedName>
    <definedName name="Z_9C01AE63_CFF0_4106_9038_7FADD737BB91_.wvu.FilterData" localSheetId="0" hidden="1">様式5歳入一覧!$A$6:$GP$12</definedName>
    <definedName name="Z_9C01AE63_CFF0_4106_9038_7FADD737BB91_.wvu.PrintArea" localSheetId="0" hidden="1">様式5歳入一覧!$A$1:$K$14</definedName>
    <definedName name="Z_9C01AE63_CFF0_4106_9038_7FADD737BB91_.wvu.PrintTitles" localSheetId="0" hidden="1">様式5歳入一覧!$4:$7</definedName>
    <definedName name="Z_9C40EDED_6440_486C_B2C2_1C1E7F80BEFD_.wvu.FilterData" localSheetId="0" hidden="1">様式5歳入一覧!$A$6:$GP$12</definedName>
    <definedName name="Z_A0CE4855_8BF5_4B09_B255_E1A19C4E3053_.wvu.Cols" localSheetId="0" hidden="1">様式5歳入一覧!$R:$S</definedName>
    <definedName name="Z_A0CE4855_8BF5_4B09_B255_E1A19C4E3053_.wvu.FilterData" localSheetId="0" hidden="1">様式5歳入一覧!$A$7:$GP$12</definedName>
    <definedName name="Z_A0CE4855_8BF5_4B09_B255_E1A19C4E3053_.wvu.PrintArea" localSheetId="0" hidden="1">様式5歳入一覧!$A$1:$K$14</definedName>
    <definedName name="Z_A0CE4855_8BF5_4B09_B255_E1A19C4E3053_.wvu.PrintTitles" localSheetId="0" hidden="1">様式5歳入一覧!$4:$7</definedName>
    <definedName name="Z_A0D972C1_3D2C_4C11_9E56_A82C309030EE_.wvu.Cols" localSheetId="0" hidden="1">様式5歳入一覧!$R:$S</definedName>
    <definedName name="Z_A0D972C1_3D2C_4C11_9E56_A82C309030EE_.wvu.FilterData" localSheetId="0" hidden="1">様式5歳入一覧!$A$6:$GP$12</definedName>
    <definedName name="Z_A0D972C1_3D2C_4C11_9E56_A82C309030EE_.wvu.PrintArea" localSheetId="0" hidden="1">様式5歳入一覧!$A$1:$K$14</definedName>
    <definedName name="Z_A0D972C1_3D2C_4C11_9E56_A82C309030EE_.wvu.PrintTitles" localSheetId="0" hidden="1">様式5歳入一覧!$4:$7</definedName>
    <definedName name="Z_A1410A53_A816_48E6_BA3B_34AFBECBBF89_.wvu.FilterData" localSheetId="0" hidden="1">様式5歳入一覧!$A$6:$GP$12</definedName>
    <definedName name="Z_A5081DD8_9472_4A84_A31C_C87428B96836_.wvu.FilterData" localSheetId="0" hidden="1">様式5歳入一覧!$A$6:$GP$12</definedName>
    <definedName name="Z_A62B912E_02A1_47A6_A44F_AD1D542D7EAA_.wvu.FilterData" localSheetId="0" hidden="1">様式5歳入一覧!$B$6:$V$12</definedName>
    <definedName name="Z_A899A51E_0321_424E_A816_E762C6453A5E_.wvu.Cols" localSheetId="0" hidden="1">様式5歳入一覧!$R:$S</definedName>
    <definedName name="Z_A899A51E_0321_424E_A816_E762C6453A5E_.wvu.FilterData" localSheetId="0" hidden="1">様式5歳入一覧!$A$7:$GP$12</definedName>
    <definedName name="Z_A899A51E_0321_424E_A816_E762C6453A5E_.wvu.PrintArea" localSheetId="0" hidden="1">様式5歳入一覧!$A$1:$K$14</definedName>
    <definedName name="Z_A899A51E_0321_424E_A816_E762C6453A5E_.wvu.PrintTitles" localSheetId="0" hidden="1">様式5歳入一覧!$4:$7</definedName>
    <definedName name="Z_AB5F7232_79D3_4A00_BF97_AF858AB78B28_.wvu.FilterData" localSheetId="0" hidden="1">様式5歳入一覧!$A$6:$AU$12</definedName>
    <definedName name="Z_ABE7CFFB_C659_4189_B81A_6BEE666EADF0_.wvu.FilterData" localSheetId="0" hidden="1">様式5歳入一覧!$B$6:$V$12</definedName>
    <definedName name="Z_AC548A2E_C48E_45CC_879A_E2EBB2B33EEA_.wvu.Cols" localSheetId="0" hidden="1">様式5歳入一覧!$R:$S</definedName>
    <definedName name="Z_AC548A2E_C48E_45CC_879A_E2EBB2B33EEA_.wvu.FilterData" localSheetId="0" hidden="1">様式5歳入一覧!$A$6:$AT$12</definedName>
    <definedName name="Z_AC548A2E_C48E_45CC_879A_E2EBB2B33EEA_.wvu.PrintArea" localSheetId="0" hidden="1">様式5歳入一覧!$A$1:$K$13</definedName>
    <definedName name="Z_AC548A2E_C48E_45CC_879A_E2EBB2B33EEA_.wvu.PrintTitles" localSheetId="0" hidden="1">様式5歳入一覧!$4:$7</definedName>
    <definedName name="Z_ACF9747A_930D_4496_B09E_8726FC61D724_.wvu.FilterData" localSheetId="0" hidden="1">様式5歳入一覧!$B$6:$V$12</definedName>
    <definedName name="Z_AD4EEFD1_EF9D_4286_82C0_7E3CB759B6A3_.wvu.FilterData" localSheetId="0" hidden="1">様式5歳入一覧!$A$7:$GP$12</definedName>
    <definedName name="Z_B02E5B7B_53CC_43E2_B229_62838E357858_.wvu.FilterData" localSheetId="0" hidden="1">様式5歳入一覧!$A$6:$GP$12</definedName>
    <definedName name="Z_B0B21E7F_41F6_4286_9120_7856223C7AC9_.wvu.FilterData" localSheetId="0" hidden="1">様式5歳入一覧!$A$6:$AY$12</definedName>
    <definedName name="Z_B1C44EF9_9F01_4248_AAFB_58D37EA4F0EC_.wvu.Cols" localSheetId="0" hidden="1">様式5歳入一覧!$R:$S</definedName>
    <definedName name="Z_B1C44EF9_9F01_4248_AAFB_58D37EA4F0EC_.wvu.FilterData" localSheetId="0" hidden="1">様式5歳入一覧!$A$6:$AU$12</definedName>
    <definedName name="Z_B1C44EF9_9F01_4248_AAFB_58D37EA4F0EC_.wvu.PrintArea" localSheetId="0" hidden="1">様式5歳入一覧!$A$1:$K$14</definedName>
    <definedName name="Z_B1C44EF9_9F01_4248_AAFB_58D37EA4F0EC_.wvu.PrintTitles" localSheetId="0" hidden="1">様式5歳入一覧!$4:$7</definedName>
    <definedName name="Z_B1F42F59_5BB5_41C4_97C6_4484184E13F1_.wvu.FilterData" localSheetId="0" hidden="1">様式5歳入一覧!$A$6:$AU$12</definedName>
    <definedName name="Z_B2687233_4AA3_4362_A023_25CC6BE303C3_.wvu.FilterData" localSheetId="0" hidden="1">様式5歳入一覧!$A$7:$GP$12</definedName>
    <definedName name="Z_B2D441E7_D750_4466_9F5C_BED9F80CA5C9_.wvu.Cols" localSheetId="0" hidden="1">様式5歳入一覧!$R:$S</definedName>
    <definedName name="Z_B2D441E7_D750_4466_9F5C_BED9F80CA5C9_.wvu.FilterData" localSheetId="0" hidden="1">様式5歳入一覧!$A$6:$GP$12</definedName>
    <definedName name="Z_B2D441E7_D750_4466_9F5C_BED9F80CA5C9_.wvu.PrintArea" localSheetId="0" hidden="1">様式5歳入一覧!$A$1:$K$14</definedName>
    <definedName name="Z_B2D441E7_D750_4466_9F5C_BED9F80CA5C9_.wvu.PrintTitles" localSheetId="0" hidden="1">様式5歳入一覧!$4:$7</definedName>
    <definedName name="Z_B4678970_F49A_41CB_BDF8_35F7BBC61272_.wvu.FilterData" localSheetId="0" hidden="1">様式5歳入一覧!$A$6:$GP$12</definedName>
    <definedName name="Z_B46A0E73_873C_4404_B73B_B777317F5A7C_.wvu.Cols" localSheetId="0" hidden="1">様式5歳入一覧!$R:$S</definedName>
    <definedName name="Z_B46A0E73_873C_4404_B73B_B777317F5A7C_.wvu.FilterData" localSheetId="0" hidden="1">様式5歳入一覧!$A$6:$AT$12</definedName>
    <definedName name="Z_B46A0E73_873C_4404_B73B_B777317F5A7C_.wvu.PrintArea" localSheetId="0" hidden="1">様式5歳入一覧!$A$1:$K$13</definedName>
    <definedName name="Z_B46A0E73_873C_4404_B73B_B777317F5A7C_.wvu.PrintTitles" localSheetId="0" hidden="1">様式5歳入一覧!$4:$7</definedName>
    <definedName name="Z_B4B87361_AF8D_47C5_957E_E5D261105FF8_.wvu.FilterData" localSheetId="0" hidden="1">様式5歳入一覧!$B$6:$V$12</definedName>
    <definedName name="Z_B6553749_8496_48D9_9B28_2FAA782B16AA_.wvu.FilterData" localSheetId="0" hidden="1">様式5歳入一覧!$A$6:$AU$12</definedName>
    <definedName name="Z_B8061F44_4299_433B_992E_389B11EF0957_.wvu.Cols" localSheetId="0" hidden="1">様式5歳入一覧!$R:$S</definedName>
    <definedName name="Z_B8061F44_4299_433B_992E_389B11EF0957_.wvu.FilterData" localSheetId="0" hidden="1">様式5歳入一覧!$A$6:$GP$12</definedName>
    <definedName name="Z_B8061F44_4299_433B_992E_389B11EF0957_.wvu.PrintArea" localSheetId="0" hidden="1">様式5歳入一覧!$A$1:$K$14</definedName>
    <definedName name="Z_B8061F44_4299_433B_992E_389B11EF0957_.wvu.PrintTitles" localSheetId="0" hidden="1">様式5歳入一覧!$4:$7</definedName>
    <definedName name="Z_B8F489ED_1D77_4F4E_A920_2AEA32928870_.wvu.Cols" localSheetId="0" hidden="1">様式5歳入一覧!$R:$S</definedName>
    <definedName name="Z_B8F489ED_1D77_4F4E_A920_2AEA32928870_.wvu.FilterData" localSheetId="0" hidden="1">様式5歳入一覧!$A$6:$AT$12</definedName>
    <definedName name="Z_B8F489ED_1D77_4F4E_A920_2AEA32928870_.wvu.PrintArea" localSheetId="0" hidden="1">様式5歳入一覧!$A$1:$K$14</definedName>
    <definedName name="Z_B8F489ED_1D77_4F4E_A920_2AEA32928870_.wvu.PrintTitles" localSheetId="0" hidden="1">様式5歳入一覧!$4:$7</definedName>
    <definedName name="Z_BEBE1D7C_DEFF_404E_81F6_1D5210FB524E_.wvu.FilterData" localSheetId="0" hidden="1">様式5歳入一覧!$A$6:$AY$12</definedName>
    <definedName name="Z_C0F05C73_B9DA_46F9_A090_B8FE2204D51E_.wvu.Cols" localSheetId="0" hidden="1">様式5歳入一覧!$R:$S</definedName>
    <definedName name="Z_C0F05C73_B9DA_46F9_A090_B8FE2204D51E_.wvu.FilterData" localSheetId="0" hidden="1">様式5歳入一覧!$A$6:$GP$12</definedName>
    <definedName name="Z_C0F05C73_B9DA_46F9_A090_B8FE2204D51E_.wvu.PrintArea" localSheetId="0" hidden="1">様式5歳入一覧!$A$1:$K$14</definedName>
    <definedName name="Z_C0F05C73_B9DA_46F9_A090_B8FE2204D51E_.wvu.PrintTitles" localSheetId="0" hidden="1">様式5歳入一覧!$4:$7</definedName>
    <definedName name="Z_C16C9525_F2AB_499F_8B03_B5D0380B83C8_.wvu.FilterData" localSheetId="0" hidden="1">様式5歳入一覧!$A$6:$GP$12</definedName>
    <definedName name="Z_C4D82BCF_451C_40BA_B4B3_30E21386BB25_.wvu.Cols" localSheetId="0" hidden="1">様式5歳入一覧!$R:$S</definedName>
    <definedName name="Z_C4D82BCF_451C_40BA_B4B3_30E21386BB25_.wvu.FilterData" localSheetId="0" hidden="1">様式5歳入一覧!$A$6:$AU$12</definedName>
    <definedName name="Z_C4D82BCF_451C_40BA_B4B3_30E21386BB25_.wvu.PrintArea" localSheetId="0" hidden="1">様式5歳入一覧!$A$1:$K$14</definedName>
    <definedName name="Z_C4D82BCF_451C_40BA_B4B3_30E21386BB25_.wvu.PrintTitles" localSheetId="0" hidden="1">様式5歳入一覧!$4:$7</definedName>
    <definedName name="Z_C54337A2_366C_46A1_A9F7_6549EFAAF442_.wvu.FilterData" localSheetId="0" hidden="1">様式5歳入一覧!$A$6:$AU$12</definedName>
    <definedName name="Z_C9C96EC1_4A13_433C_8CA1_D624BCDA23FB_.wvu.Cols" localSheetId="0" hidden="1">様式5歳入一覧!$R:$S</definedName>
    <definedName name="Z_C9C96EC1_4A13_433C_8CA1_D624BCDA23FB_.wvu.FilterData" localSheetId="0" hidden="1">様式5歳入一覧!$A$6:$GP$12</definedName>
    <definedName name="Z_C9C96EC1_4A13_433C_8CA1_D624BCDA23FB_.wvu.PrintArea" localSheetId="0" hidden="1">様式5歳入一覧!$A$1:$K$13</definedName>
    <definedName name="Z_C9C96EC1_4A13_433C_8CA1_D624BCDA23FB_.wvu.PrintTitles" localSheetId="0" hidden="1">様式5歳入一覧!$4:$7</definedName>
    <definedName name="Z_CA064EC8_4D5C_43EE_BBED_E1B6AF542620_.wvu.FilterData" localSheetId="0" hidden="1">様式5歳入一覧!$A$6:$AT$12</definedName>
    <definedName name="Z_CB304CF9_F4A6_48BF_A213_8A97A2321FFB_.wvu.FilterData" localSheetId="0" hidden="1">様式5歳入一覧!$A$7:$GP$12</definedName>
    <definedName name="Z_CC508307_D119_49FF_8BAA_92AABCA0A5FE_.wvu.FilterData" localSheetId="0" hidden="1">様式5歳入一覧!$A$6:$AU$12</definedName>
    <definedName name="Z_CD5934FC_09B2_46D2_BD46_603DD634A2B3_.wvu.FilterData" localSheetId="0" hidden="1">様式5歳入一覧!$B$6:$V$12</definedName>
    <definedName name="Z_CF210D75_E9EC_484F_8319_9012F4240FCE_.wvu.FilterData" localSheetId="0" hidden="1">様式5歳入一覧!$B$6:$V$12</definedName>
    <definedName name="Z_CF3F1375_589A_425A_AD36_5AC937F02F87_.wvu.Cols" localSheetId="0" hidden="1">様式5歳入一覧!$R:$S</definedName>
    <definedName name="Z_CF3F1375_589A_425A_AD36_5AC937F02F87_.wvu.FilterData" localSheetId="0" hidden="1">様式5歳入一覧!$A$6:$GP$12</definedName>
    <definedName name="Z_CF3F1375_589A_425A_AD36_5AC937F02F87_.wvu.PrintArea" localSheetId="0" hidden="1">様式5歳入一覧!$A$1:$K$13</definedName>
    <definedName name="Z_CF3F1375_589A_425A_AD36_5AC937F02F87_.wvu.PrintTitles" localSheetId="0" hidden="1">様式5歳入一覧!$4:$7</definedName>
    <definedName name="Z_CFAC28C4_9DA6_44BB_B6AC_1E1BA4188994_.wvu.Cols" localSheetId="0" hidden="1">様式5歳入一覧!$R:$S</definedName>
    <definedName name="Z_CFAC28C4_9DA6_44BB_B6AC_1E1BA4188994_.wvu.FilterData" localSheetId="0" hidden="1">様式5歳入一覧!$A$6:$AU$12</definedName>
    <definedName name="Z_CFAC28C4_9DA6_44BB_B6AC_1E1BA4188994_.wvu.PrintArea" localSheetId="0" hidden="1">様式5歳入一覧!$A$1:$K$14</definedName>
    <definedName name="Z_CFAC28C4_9DA6_44BB_B6AC_1E1BA4188994_.wvu.PrintTitles" localSheetId="0" hidden="1">様式5歳入一覧!$4:$7</definedName>
    <definedName name="Z_D1B1F72B_6819_4930_8144_DE97EF61D4BF_.wvu.FilterData" localSheetId="0" hidden="1">様式5歳入一覧!$A$6:$GP$12</definedName>
    <definedName name="Z_D1FDF22B_2638_4D49_B1CE_8C5C674E5104_.wvu.Cols" localSheetId="0" hidden="1">様式5歳入一覧!$R:$S</definedName>
    <definedName name="Z_D1FDF22B_2638_4D49_B1CE_8C5C674E5104_.wvu.FilterData" localSheetId="0" hidden="1">様式5歳入一覧!$A$7:$GP$12</definedName>
    <definedName name="Z_D1FDF22B_2638_4D49_B1CE_8C5C674E5104_.wvu.PrintArea" localSheetId="0" hidden="1">様式5歳入一覧!$A$1:$K$14</definedName>
    <definedName name="Z_D1FDF22B_2638_4D49_B1CE_8C5C674E5104_.wvu.PrintTitles" localSheetId="0" hidden="1">様式5歳入一覧!$4:$7</definedName>
    <definedName name="Z_D256FE90_7AAC_4F17_90E9_624F563EB144_.wvu.FilterData" localSheetId="0" hidden="1">様式5歳入一覧!$B$6:$V$12</definedName>
    <definedName name="Z_D3F484C7_A7A8_41A6_A643_59A7212BC1DA_.wvu.Cols" localSheetId="0" hidden="1">様式5歳入一覧!$R:$S</definedName>
    <definedName name="Z_D3F484C7_A7A8_41A6_A643_59A7212BC1DA_.wvu.FilterData" localSheetId="0" hidden="1">様式5歳入一覧!$A$6:$GP$12</definedName>
    <definedName name="Z_D3F484C7_A7A8_41A6_A643_59A7212BC1DA_.wvu.PrintArea" localSheetId="0" hidden="1">様式5歳入一覧!$A$1:$K$14</definedName>
    <definedName name="Z_D3F484C7_A7A8_41A6_A643_59A7212BC1DA_.wvu.PrintTitles" localSheetId="0" hidden="1">様式5歳入一覧!$4:$7</definedName>
    <definedName name="Z_D4EA57D4_4F86_40B9_8148_886698F83C2D_.wvu.Cols" localSheetId="0" hidden="1">様式5歳入一覧!$R:$S</definedName>
    <definedName name="Z_D4EA57D4_4F86_40B9_8148_886698F83C2D_.wvu.FilterData" localSheetId="0" hidden="1">様式5歳入一覧!$A$7:$GP$12</definedName>
    <definedName name="Z_D4EA57D4_4F86_40B9_8148_886698F83C2D_.wvu.PrintArea" localSheetId="0" hidden="1">様式5歳入一覧!$A$1:$K$14</definedName>
    <definedName name="Z_D4EA57D4_4F86_40B9_8148_886698F83C2D_.wvu.PrintTitles" localSheetId="0" hidden="1">様式5歳入一覧!$4:$7</definedName>
    <definedName name="Z_D6BF0446_50C6_4678_A04B_32751588DCF3_.wvu.FilterData" localSheetId="0" hidden="1">様式5歳入一覧!$A$6:$AT$12</definedName>
    <definedName name="Z_D8CB58F5_96B6_4D98_AA0B_1C30DB37037E_.wvu.FilterData" localSheetId="0" hidden="1">様式5歳入一覧!$A$6:$AU$12</definedName>
    <definedName name="Z_DBBA8445_9E0F_40D4_9DE9_2933FE897DAF_.wvu.FilterData" localSheetId="0" hidden="1">様式5歳入一覧!$A$6:$AU$12</definedName>
    <definedName name="Z_DCF9EBB2_7E40_4D30_A631_26C53A48C875_.wvu.FilterData" localSheetId="0" hidden="1">様式5歳入一覧!$A$6:$GP$12</definedName>
    <definedName name="Z_DD5041F1_D646_4B19_8029_60E491D20DFE_.wvu.FilterData" localSheetId="0" hidden="1">様式5歳入一覧!$B$6:$V$12</definedName>
    <definedName name="Z_DE09C4E9_0758_44B2_A8EA_EB4A253DB03B_.wvu.FilterData" localSheetId="0" hidden="1">様式5歳入一覧!$A$6:$AU$12</definedName>
    <definedName name="Z_E021E6C9_86EB_41E0_8F9B_D09B9E304D29_.wvu.Cols" localSheetId="0" hidden="1">様式5歳入一覧!$R:$S</definedName>
    <definedName name="Z_E021E6C9_86EB_41E0_8F9B_D09B9E304D29_.wvu.FilterData" localSheetId="0" hidden="1">様式5歳入一覧!$A$7:$GP$12</definedName>
    <definedName name="Z_E021E6C9_86EB_41E0_8F9B_D09B9E304D29_.wvu.PrintArea" localSheetId="0" hidden="1">様式5歳入一覧!$A$1:$K$14</definedName>
    <definedName name="Z_E021E6C9_86EB_41E0_8F9B_D09B9E304D29_.wvu.PrintTitles" localSheetId="0" hidden="1">様式5歳入一覧!$4:$7</definedName>
    <definedName name="Z_E0B705B4_A912_4810_9C2E_4F7E515E914E_.wvu.Cols" localSheetId="0" hidden="1">様式5歳入一覧!$R:$S</definedName>
    <definedName name="Z_E0B705B4_A912_4810_9C2E_4F7E515E914E_.wvu.FilterData" localSheetId="0" hidden="1">様式5歳入一覧!$A$6:$AT$12</definedName>
    <definedName name="Z_E0B705B4_A912_4810_9C2E_4F7E515E914E_.wvu.PrintArea" localSheetId="0" hidden="1">様式5歳入一覧!$A$1:$K$14</definedName>
    <definedName name="Z_E0B705B4_A912_4810_9C2E_4F7E515E914E_.wvu.PrintTitles" localSheetId="0" hidden="1">様式5歳入一覧!$4:$7</definedName>
    <definedName name="Z_E16630A9_77A8_489F_A623_9A8FC0379AC4_.wvu.Cols" localSheetId="0" hidden="1">様式5歳入一覧!$R:$S</definedName>
    <definedName name="Z_E16630A9_77A8_489F_A623_9A8FC0379AC4_.wvu.FilterData" localSheetId="0" hidden="1">様式5歳入一覧!$A$6:$AU$12</definedName>
    <definedName name="Z_E16630A9_77A8_489F_A623_9A8FC0379AC4_.wvu.PrintArea" localSheetId="0" hidden="1">様式5歳入一覧!$A$1:$K$14</definedName>
    <definedName name="Z_E16630A9_77A8_489F_A623_9A8FC0379AC4_.wvu.PrintTitles" localSheetId="0" hidden="1">様式5歳入一覧!$4:$7</definedName>
    <definedName name="Z_E2E7A86C_90FB_4339_8885_AFCEC833D4CF_.wvu.FilterData" localSheetId="0" hidden="1">様式5歳入一覧!$A$6:$GP$12</definedName>
    <definedName name="Z_E3738867_F5D5_4516_9C4E_FA0FEDF4A671_.wvu.FilterData" localSheetId="0" hidden="1">様式5歳入一覧!$B$6:$V$12</definedName>
    <definedName name="Z_E498E363_08C1_475C_9CD6_ECF5F8A1E761_.wvu.Cols" localSheetId="0" hidden="1">様式5歳入一覧!$R:$S</definedName>
    <definedName name="Z_E498E363_08C1_475C_9CD6_ECF5F8A1E761_.wvu.FilterData" localSheetId="0" hidden="1">様式5歳入一覧!$A$6:$GP$12</definedName>
    <definedName name="Z_E498E363_08C1_475C_9CD6_ECF5F8A1E761_.wvu.PrintArea" localSheetId="0" hidden="1">様式5歳入一覧!$A$1:$K$14</definedName>
    <definedName name="Z_E498E363_08C1_475C_9CD6_ECF5F8A1E761_.wvu.PrintTitles" localSheetId="0" hidden="1">様式5歳入一覧!$4:$7</definedName>
    <definedName name="Z_E4D5FBE2_BDB8_47D1_B4A9_3D49381FAF5C_.wvu.Cols" localSheetId="0" hidden="1">様式5歳入一覧!$R:$S</definedName>
    <definedName name="Z_E4D5FBE2_BDB8_47D1_B4A9_3D49381FAF5C_.wvu.FilterData" localSheetId="0" hidden="1">様式5歳入一覧!$A$6:$GP$12</definedName>
    <definedName name="Z_E4D5FBE2_BDB8_47D1_B4A9_3D49381FAF5C_.wvu.PrintArea" localSheetId="0" hidden="1">様式5歳入一覧!$A$1:$K$14</definedName>
    <definedName name="Z_E4D5FBE2_BDB8_47D1_B4A9_3D49381FAF5C_.wvu.PrintTitles" localSheetId="0" hidden="1">様式5歳入一覧!$4:$7</definedName>
    <definedName name="Z_E9599D06_5045_4F02_A405_3D6703BDDB40_.wvu.Cols" localSheetId="0" hidden="1">様式5歳入一覧!$R:$S</definedName>
    <definedName name="Z_E9599D06_5045_4F02_A405_3D6703BDDB40_.wvu.FilterData" localSheetId="0" hidden="1">様式5歳入一覧!$A$6:$GP$12</definedName>
    <definedName name="Z_E9599D06_5045_4F02_A405_3D6703BDDB40_.wvu.PrintArea" localSheetId="0" hidden="1">様式5歳入一覧!$A$1:$K$14</definedName>
    <definedName name="Z_E9599D06_5045_4F02_A405_3D6703BDDB40_.wvu.PrintTitles" localSheetId="0" hidden="1">様式5歳入一覧!$4:$7</definedName>
    <definedName name="Z_EA41A870_F127_49E7_A3AB_BAEABD1815B4_.wvu.FilterData" localSheetId="0" hidden="1">様式5歳入一覧!$A$6:$AU$12</definedName>
    <definedName name="Z_EC32E599_0BEF_41F1_8B76_6572A0EC043F_.wvu.Cols" localSheetId="0" hidden="1">様式5歳入一覧!$R:$S</definedName>
    <definedName name="Z_EC32E599_0BEF_41F1_8B76_6572A0EC043F_.wvu.FilterData" localSheetId="0" hidden="1">様式5歳入一覧!$A$6:$GP$12</definedName>
    <definedName name="Z_EC32E599_0BEF_41F1_8B76_6572A0EC043F_.wvu.PrintArea" localSheetId="0" hidden="1">様式5歳入一覧!$A$1:$K$13</definedName>
    <definedName name="Z_EC32E599_0BEF_41F1_8B76_6572A0EC043F_.wvu.PrintTitles" localSheetId="0" hidden="1">様式5歳入一覧!$4:$7</definedName>
    <definedName name="Z_EC7353BA_FEB2_44C3_9BD4_FB607F8CAE56_.wvu.Cols" localSheetId="0" hidden="1">様式5歳入一覧!$R:$S</definedName>
    <definedName name="Z_EC7353BA_FEB2_44C3_9BD4_FB607F8CAE56_.wvu.FilterData" localSheetId="0" hidden="1">様式5歳入一覧!$A$6:$GP$12</definedName>
    <definedName name="Z_EC7353BA_FEB2_44C3_9BD4_FB607F8CAE56_.wvu.PrintArea" localSheetId="0" hidden="1">様式5歳入一覧!$A$1:$K$14</definedName>
    <definedName name="Z_EC7353BA_FEB2_44C3_9BD4_FB607F8CAE56_.wvu.PrintTitles" localSheetId="0" hidden="1">様式5歳入一覧!$4:$7</definedName>
    <definedName name="Z_EC7ABD86_73FB_4738_8E62_37D9777EF768_.wvu.FilterData" localSheetId="0" hidden="1">様式5歳入一覧!$A$6:$AU$12</definedName>
    <definedName name="Z_ECD10BCA_61B5_48D1_AFED_EA9B32A0B90E_.wvu.Cols" localSheetId="0" hidden="1">様式5歳入一覧!$R:$S</definedName>
    <definedName name="Z_ECD10BCA_61B5_48D1_AFED_EA9B32A0B90E_.wvu.FilterData" localSheetId="0" hidden="1">様式5歳入一覧!$A$6:$AU$12</definedName>
    <definedName name="Z_ECD10BCA_61B5_48D1_AFED_EA9B32A0B90E_.wvu.PrintArea" localSheetId="0" hidden="1">様式5歳入一覧!$A$1:$K$14</definedName>
    <definedName name="Z_ECD10BCA_61B5_48D1_AFED_EA9B32A0B90E_.wvu.PrintTitles" localSheetId="0" hidden="1">様式5歳入一覧!$4:$7</definedName>
    <definedName name="Z_ECE06993_6D41_42FC_98A7_AAC2020FADCC_.wvu.FilterData" localSheetId="0" hidden="1">様式5歳入一覧!$B$6:$V$12</definedName>
    <definedName name="Z_EDE797E3_EF62_4135_93F5_F9D63E4A645A_.wvu.FilterData" localSheetId="0" hidden="1">様式5歳入一覧!$A$6:$GP$12</definedName>
    <definedName name="Z_F060692F_E6DF_412F_9701_0C64A0D5BC00_.wvu.FilterData" localSheetId="0" hidden="1">様式5歳入一覧!$A$6:$GP$12</definedName>
    <definedName name="Z_F20F9FC5_3352_4FFB_AB07_F5B59EDE673F_.wvu.FilterData" localSheetId="0" hidden="1">様式5歳入一覧!$A$6:$AY$12</definedName>
    <definedName name="Z_F32AF5A1_2DE1_4018_B247_AC621BD307C4_.wvu.FilterData" localSheetId="0" hidden="1">様式5歳入一覧!$A$7:$GP$12</definedName>
    <definedName name="Z_F4877DFA_CD25_4ACD_8FD8_51FEDFFE69C4_.wvu.FilterData" localSheetId="0" hidden="1">様式5歳入一覧!$A$6:$GP$12</definedName>
    <definedName name="Z_F552F5E9_56D0_45EB_BAC2_4EDB8E6C3152_.wvu.FilterData" localSheetId="0" hidden="1">様式5歳入一覧!$A$6:$AU$12</definedName>
    <definedName name="Z_F6ADF229_4919_4DA6_81C9_9FB0BF082A60_.wvu.FilterData" localSheetId="0" hidden="1">様式5歳入一覧!$B$6:$V$12</definedName>
    <definedName name="Z_FC27523E_F7B2_4FC2_87C5_2688147494EC_.wvu.FilterData" localSheetId="0" hidden="1">様式5歳入一覧!$B$6:$V$12</definedName>
    <definedName name="Z_FE190E17_C77D_49C1_A972_F9F2A53C5F62_.wvu.FilterData" localSheetId="0" hidden="1">様式5歳入一覧!$A$6:$GP$12</definedName>
    <definedName name="分類">'[2]様式17(見直し一覧)'!$A$38:$A$47</definedName>
  </definedNames>
  <calcPr calcId="162913"/>
  <customWorkbookViews>
    <customWorkbookView name="美濃部　鈴奈 - 個人用ビュー" guid="{5F0F1A79-0791-4C2C-8D13-6CD22FD0499B}" mergeInterval="0" personalView="1" maximized="1" xWindow="-8" yWindow="-8" windowWidth="1382" windowHeight="744" activeSheetId="1"/>
    <customWorkbookView name="藤田　秋朗 - 個人用ビュー" guid="{64D5DF4B-9089-4084-958D-1D0FB5779114}" mergeInterval="0" personalView="1" maximized="1" xWindow="-8" yWindow="-8" windowWidth="1382" windowHeight="744" activeSheetId="1"/>
    <customWorkbookView name="山村　彰吾 - 個人用ビュー" guid="{6989C8E8-DF8B-443A-A0DC-63D85A87347B}" mergeInterval="0" personalView="1" maximized="1" xWindow="-8" yWindow="-8" windowWidth="1382" windowHeight="744" activeSheetId="1"/>
    <customWorkbookView name="柴田　和幸 - 個人用ビュー" guid="{C0F05C73-B9DA-46F9-A090-B8FE2204D51E}" mergeInterval="0" personalView="1" maximized="1" xWindow="-8" yWindow="-8" windowWidth="1382" windowHeight="744" activeSheetId="1"/>
    <customWorkbookView name="宮川　千尋 - 個人用ビュー" guid="{E498E363-08C1-475C-9CD6-ECF5F8A1E761}" mergeInterval="0" personalView="1" maximized="1" xWindow="-8" yWindow="-8" windowWidth="1382" windowHeight="744" activeSheetId="1"/>
    <customWorkbookView name="永吉　亮博 - 個人用ビュー" guid="{A0CE4855-8BF5-4B09-B255-E1A19C4E3053}" mergeInterval="0" personalView="1" maximized="1" xWindow="-8" yWindow="-8" windowWidth="1382" windowHeight="744" activeSheetId="1"/>
    <customWorkbookView name="曽我　直樹 - 個人用ビュー" guid="{8DE503A8-656E-41FA-9ED6-359FA3721ACF}" mergeInterval="0" personalView="1" maximized="1" xWindow="-8" yWindow="-8" windowWidth="1382" windowHeight="744" activeSheetId="2" showComments="commIndAndComment"/>
    <customWorkbookView name="奥　隆幸 - 個人用ビュー" guid="{22995149-BE93-441E-A433-BD1625B87C24}" mergeInterval="0" personalView="1" xWindow="68" yWindow="5" windowWidth="1298" windowHeight="763" activeSheetId="1"/>
    <customWorkbookView name="小川祐貴 - 個人用ビュー" guid="{EC32E599-0BEF-41F1-8B76-6572A0EC043F}" mergeInterval="0" personalView="1" maximized="1" xWindow="-8" yWindow="-8" windowWidth="1382" windowHeight="744" activeSheetId="1"/>
    <customWorkbookView name="奥原　侑紀 - 個人用ビュー" guid="{7F4591BF-0F6E-463C-863C-F8DFB75D20FC}" mergeInterval="0" personalView="1" maximized="1" xWindow="-8" yWindow="-8" windowWidth="1382" windowHeight="744" activeSheetId="1"/>
    <customWorkbookView name="柴田　信二 - 個人用ビュー" guid="{A0D972C1-3D2C-4C11-9E56-A82C309030EE}" mergeInterval="0" personalView="1" maximized="1" xWindow="-8" yWindow="-8" windowWidth="1382" windowHeight="744" activeSheetId="1" showComments="commIndAndComment"/>
    <customWorkbookView name="山﨑　啓介 - 個人用ビュー" guid="{22CA7278-0BB0-43BE-B164-268A2E7E7747}" mergeInterval="0" personalView="1" maximized="1" xWindow="-8" yWindow="-8" windowWidth="1382" windowHeight="744" activeSheetId="1"/>
    <customWorkbookView name="森本　愛菜 - 個人用ビュー" guid="{B1C44EF9-9F01-4248-AAFB-58D37EA4F0EC}" mergeInterval="0" personalView="1" maximized="1" xWindow="-8" yWindow="-8" windowWidth="1382" windowHeight="744" activeSheetId="1"/>
    <customWorkbookView name="燈田　将英 - 個人用ビュー" guid="{444B054F-1122-4B41-9106-F9A119111E6C}" mergeInterval="0" personalView="1" maximized="1" xWindow="-8" yWindow="-8" windowWidth="1382" windowHeight="744" activeSheetId="1"/>
    <customWorkbookView name="藤枝　義和 - 個人用ビュー" guid="{C4D82BCF-451C-40BA-B4B3-30E21386BB25}" mergeInterval="0" personalView="1" maximized="1" xWindow="-8" yWindow="-8" windowWidth="1382" windowHeight="744" activeSheetId="1"/>
    <customWorkbookView name="福田有希 - 個人用ビュー" guid="{B2D441E7-D750-4466-9F5C-BED9F80CA5C9}" mergeInterval="0" personalView="1" maximized="1" xWindow="-8" yWindow="-8" windowWidth="1382" windowHeight="744" activeSheetId="1"/>
    <customWorkbookView name="奥原 - 個人用ビュー" guid="{06B37801-B90C-4714-B129-94818EB4F65E}" mergeInterval="0" personalView="1" maximized="1" xWindow="-8" yWindow="-8" windowWidth="1382" windowHeight="744" activeSheetId="1"/>
    <customWorkbookView name="  - 個人用ビュー" guid="{50AC8F9C-2188-4C12-A141-8BE304C786F0}" mergeInterval="0" personalView="1" maximized="1" xWindow="-8" yWindow="-8" windowWidth="1382" windowHeight="744" activeSheetId="1"/>
    <customWorkbookView name="白浦 - 個人用ビュー" guid="{B46A0E73-873C-4404-B73B-B777317F5A7C}" mergeInterval="0" personalView="1" maximized="1" xWindow="-8" yWindow="-8" windowWidth="1382" windowHeight="744" activeSheetId="1"/>
    <customWorkbookView name="大阪市 - 個人用ビュー" guid="{9B02B18F-FBC3-4003-B64D-6BF6D2FAF148}" mergeInterval="0" personalView="1" xWindow="126" yWindow="24" windowWidth="1239" windowHeight="665" activeSheetId="1"/>
    <customWorkbookView name="仙波和宏 - 個人用ビュー" guid="{EC7353BA-FEB2-44C3-9BD4-FB607F8CAE56}" mergeInterval="0" personalView="1" maximized="1" xWindow="-8" yWindow="-8" windowWidth="1382" windowHeight="744" activeSheetId="1"/>
    <customWorkbookView name="吉住　朋子 - 個人用ビュー" guid="{5F6E0A5B-1F3F-4878-8986-ED55F9EE06F4}" mergeInterval="0" personalView="1" maximized="1" xWindow="-8" yWindow="-8" windowWidth="1382" windowHeight="744" activeSheetId="1"/>
    <customWorkbookView name="谷　直哉 - 個人用ビュー" guid="{B8061F44-4299-433B-992E-389B11EF0957}" mergeInterval="0" personalView="1" xWindow="289" yWindow="67" windowWidth="1025" windowHeight="623" activeSheetId="1"/>
    <customWorkbookView name="梅屋　GO - 個人用ビュー" guid="{B8F489ED-1D77-4F4E-A920-2AEA32928870}" mergeInterval="0" personalView="1" maximized="1" xWindow="-8" yWindow="-8" windowWidth="1382" windowHeight="744" activeSheetId="1"/>
    <customWorkbookView name="今井 - 個人用ビュー" guid="{4697FA6B-DE17-44B8-B6B3-A9559B9E7087}" mergeInterval="0" personalView="1" maximized="1" xWindow="-8" yWindow="-8" windowWidth="1382" windowHeight="744" activeSheetId="1"/>
    <customWorkbookView name="しばしん - 個人用ビュー" guid="{E0B705B4-A912-4810-9C2E-4F7E515E914E}" mergeInterval="0" personalView="1" maximized="1" xWindow="-8" yWindow="-8" windowWidth="1382" windowHeight="744" activeSheetId="3" showComments="commIndAndComment"/>
    <customWorkbookView name="柴田和幸 - 個人用ビュー" guid="{366D8082-4247-4BD2-8EA9-CB5780D5FB7B}" mergeInterval="0" personalView="1" maximized="1" xWindow="-8" yWindow="-8" windowWidth="1382" windowHeight="744" activeSheetId="3"/>
    <customWorkbookView name="谷口　友基 - 個人用ビュー" guid="{E9599D06-5045-4F02-A405-3D6703BDDB40}" mergeInterval="0" personalView="1" maximized="1" xWindow="-8" yWindow="-8" windowWidth="1382" windowHeight="744" activeSheetId="1"/>
    <customWorkbookView name="下村　恭平 - 個人用ビュー" guid="{E4D5FBE2-BDB8-47D1-B4A9-3D49381FAF5C}" mergeInterval="0" personalView="1" maximized="1" xWindow="-8" yWindow="-8" windowWidth="1382" windowHeight="744" activeSheetId="1"/>
    <customWorkbookView name="岸　久紘 - 個人用ビュー" guid="{052F3F11-C124-459E-99F9-1A701D48C614}" mergeInterval="0" personalView="1" maximized="1" xWindow="-8" yWindow="-8" windowWidth="1382" windowHeight="744" activeSheetId="1"/>
    <customWorkbookView name="永吉 - 個人用ビュー" guid="{AC548A2E-C48E-45CC-879A-E2EBB2B33EEA}" mergeInterval="0" personalView="1" maximized="1" xWindow="-8" yWindow="-8" windowWidth="1382" windowHeight="744" activeSheetId="1" showComments="commIndAndComment"/>
    <customWorkbookView name="野村真嗣 - 個人用ビュー" guid="{581BD237-B078-4701-B24C-0BFF302F5B2F}" mergeInterval="0" personalView="1" maximized="1" xWindow="-8" yWindow="-8" windowWidth="1382" windowHeight="744" activeSheetId="1"/>
    <customWorkbookView name="柴田(和) - 個人用ビュー" guid="{C9C96EC1-4A13-433C-8CA1-D624BCDA23FB}" mergeInterval="0" personalView="1" maximized="1" xWindow="-8" yWindow="-8" windowWidth="1382" windowHeight="744" activeSheetId="2"/>
    <customWorkbookView name="kuwaoka - 個人用ビュー" guid="{CF3F1375-589A-425A-AD36-5AC937F02F87}" mergeInterval="0" personalView="1" maximized="1" xWindow="-8" yWindow="-8" windowWidth="1382" windowHeight="744" activeSheetId="1"/>
    <customWorkbookView name="髙橋　淳 - 個人用ビュー" guid="{CFAC28C4-9DA6-44BB-B6AC-1E1BA4188994}" mergeInterval="0" personalView="1" maximized="1" xWindow="-8" yWindow="-8" windowWidth="1382" windowHeight="744" activeSheetId="1"/>
    <customWorkbookView name="福井　貴巳 - 個人用ビュー" guid="{D3F484C7-A7A8-41A6-A643-59A7212BC1DA}" mergeInterval="0" personalView="1" maximized="1" xWindow="-8" yWindow="-8" windowWidth="1382" windowHeight="744" activeSheetId="1"/>
    <customWorkbookView name="福田　有希 - 個人用ビュー" guid="{E021E6C9-86EB-41E0-8F9B-D09B9E304D29}" mergeInterval="0" personalView="1" maximized="1" xWindow="-8" yWindow="-8" windowWidth="1382" windowHeight="744" activeSheetId="1" showComments="commIndAndComment"/>
    <customWorkbookView name="曽賀　直記 - 個人用ビュー" guid="{D1FDF22B-2638-4D49-B1CE-8C5C674E5104}" mergeInterval="0" personalView="1" maximized="1" xWindow="-8" yWindow="-8" windowWidth="1382" windowHeight="744" activeSheetId="1"/>
    <customWorkbookView name=" 藤田秋朗 - 個人用ビュー" guid="{ECD10BCA-61B5-48D1-AFED-EA9B32A0B90E}" mergeInterval="0" personalView="1" maximized="1" xWindow="-8" yWindow="-8" windowWidth="1382" windowHeight="744" activeSheetId="1" showComments="commIndAndComment"/>
    <customWorkbookView name="白浦　洋平 - 個人用ビュー" guid="{99CD74FC-8B79-402C-9E5F-4C8C844F7522}" mergeInterval="0" personalView="1" maximized="1" xWindow="-8" yWindow="-8" windowWidth="1382" windowHeight="744" activeSheetId="1" showComments="commIndAndComment"/>
    <customWorkbookView name="永岡　太基 - 個人用ビュー" guid="{D4EA57D4-4F86-40B9-8148-886698F83C2D}" mergeInterval="0" personalView="1" maximized="1" xWindow="-8" yWindow="-8" windowWidth="1382" windowHeight="744" activeSheetId="1"/>
    <customWorkbookView name="中西　義人 - 個人用ビュー" guid="{70837B7F-EB31-4D6D-B20E-5962F6B0E27E}" mergeInterval="0" personalView="1" maximized="1" xWindow="-8" yWindow="-8" windowWidth="1382" windowHeight="744" activeSheetId="1"/>
    <customWorkbookView name="上村　哲人 - 個人用ビュー" guid="{44110B35-593F-4B4A-A409-C3E96DF3A694}" mergeInterval="0" personalView="1" maximized="1" xWindow="-8" yWindow="-8" windowWidth="1382" windowHeight="744" activeSheetId="1"/>
    <customWorkbookView name="髙橋　彩華 - 個人用ビュー" guid="{7BAEEC97-8C0D-4727-9C2C-C181F26DD884}" mergeInterval="0" personalView="1" maximized="1" xWindow="-8" yWindow="-8" windowWidth="1382" windowHeight="744" activeSheetId="1"/>
    <customWorkbookView name="松久　響 - 個人用ビュー" guid="{A899A51E-0321-424E-A816-E762C6453A5E}" mergeInterval="0" personalView="1" maximized="1" xWindow="-8" yWindow="-8" windowWidth="1382" windowHeight="744" activeSheetId="1"/>
    <customWorkbookView name="小川　祐貴 - 個人用ビュー" guid="{9C01AE63-CFF0-4106-9038-7FADD737BB91}" mergeInterval="0" personalView="1" maximized="1" xWindow="-8" yWindow="-8" windowWidth="1382" windowHeight="744" activeSheetId="1"/>
    <customWorkbookView name="桑岡　雄太 - 個人用ビュー" guid="{E16630A9-77A8-489F-A623-9A8FC0379AC4}" mergeInterval="0" personalView="1" maximized="1" xWindow="-8" yWindow="-8" windowWidth="1382" windowHeight="744" activeSheetId="1"/>
    <customWorkbookView name="板　秀史 - 個人用ビュー" guid="{45D004E6-D125-4BDB-B604-8C7F9987A296}" mergeInterval="0" personalView="1" maximized="1" xWindow="-8" yWindow="-8" windowWidth="1382" windowHeight="744" activeSheetId="1"/>
    <customWorkbookView name="佐竹　奏良 - 個人用ビュー" guid="{2AC5AF6D-E947-4E06-81E5-FE5E3908C039}" mergeInterval="0" personalView="1" maximized="1" xWindow="-8" yWindow="-8" windowWidth="1382" windowHeight="744" activeSheetId="1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8" i="1" l="1"/>
  <c r="L10" i="1" l="1"/>
  <c r="I11" i="1"/>
  <c r="L11" i="1"/>
  <c r="I10" i="1"/>
  <c r="L9" i="1"/>
  <c r="I9" i="1" l="1"/>
  <c r="L8" i="1" l="1"/>
  <c r="L12" i="1" l="1"/>
  <c r="I12" i="1"/>
  <c r="AL9" i="1" l="1"/>
  <c r="AL8" i="1" l="1"/>
  <c r="AL10" i="1" l="1"/>
  <c r="AI11" i="1" l="1"/>
  <c r="AL11" i="1" s="1"/>
</calcChain>
</file>

<file path=xl/comments1.xml><?xml version="1.0" encoding="utf-8"?>
<comments xmlns="http://schemas.openxmlformats.org/spreadsheetml/2006/main">
  <authors>
    <author>下村　恭平</author>
  </authors>
  <commentList>
    <comment ref="T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この列はコピペ禁止！</t>
        </r>
      </text>
    </comment>
  </commentList>
</comments>
</file>

<file path=xl/sharedStrings.xml><?xml version="1.0" encoding="utf-8"?>
<sst xmlns="http://schemas.openxmlformats.org/spreadsheetml/2006/main" count="20" uniqueCount="20">
  <si>
    <t>科目</t>
    <rPh sb="0" eb="2">
      <t>カモク</t>
    </rPh>
    <phoneticPr fontId="5"/>
  </si>
  <si>
    <t>増減</t>
    <rPh sb="0" eb="2">
      <t>ゾウゲン</t>
    </rPh>
    <phoneticPr fontId="5"/>
  </si>
  <si>
    <t>6項　雑入</t>
    <rPh sb="1" eb="2">
      <t>コウ</t>
    </rPh>
    <rPh sb="3" eb="5">
      <t>ザツニュウ</t>
    </rPh>
    <phoneticPr fontId="3"/>
  </si>
  <si>
    <t>1節　雑収</t>
    <rPh sb="1" eb="2">
      <t>セツ</t>
    </rPh>
    <rPh sb="3" eb="4">
      <t>ザツ</t>
    </rPh>
    <rPh sb="4" eb="5">
      <t>シュウ</t>
    </rPh>
    <phoneticPr fontId="3"/>
  </si>
  <si>
    <t>歳入合計</t>
    <rPh sb="0" eb="2">
      <t>サイニュウ</t>
    </rPh>
    <rPh sb="2" eb="4">
      <t>ゴウケイ</t>
    </rPh>
    <phoneticPr fontId="3"/>
  </si>
  <si>
    <t>説明</t>
    <rPh sb="0" eb="2">
      <t>セツメイ</t>
    </rPh>
    <phoneticPr fontId="6"/>
  </si>
  <si>
    <t>(②-①)</t>
  </si>
  <si>
    <t>通し</t>
    <phoneticPr fontId="5"/>
  </si>
  <si>
    <t>番号</t>
    <phoneticPr fontId="5"/>
  </si>
  <si>
    <t>備考</t>
    <phoneticPr fontId="5"/>
  </si>
  <si>
    <t>一般会計歳入予算一覧</t>
    <rPh sb="0" eb="2">
      <t>イッパン</t>
    </rPh>
    <rPh sb="2" eb="4">
      <t>カイケイ</t>
    </rPh>
    <rPh sb="4" eb="6">
      <t>サイニュウ</t>
    </rPh>
    <rPh sb="6" eb="8">
      <t>ヨサン</t>
    </rPh>
    <rPh sb="8" eb="10">
      <t>イチラン</t>
    </rPh>
    <phoneticPr fontId="5"/>
  </si>
  <si>
    <t>(単位：千円)</t>
    <phoneticPr fontId="3"/>
  </si>
  <si>
    <t>22目　雑収</t>
    <rPh sb="2" eb="3">
      <t>モク</t>
    </rPh>
    <rPh sb="4" eb="5">
      <t>ザツ</t>
    </rPh>
    <rPh sb="5" eb="6">
      <t>シュウ</t>
    </rPh>
    <phoneticPr fontId="3"/>
  </si>
  <si>
    <t>23款　諸収入</t>
    <rPh sb="2" eb="3">
      <t>カン</t>
    </rPh>
    <rPh sb="4" eb="5">
      <t>ショ</t>
    </rPh>
    <rPh sb="5" eb="7">
      <t>シュウニュウ</t>
    </rPh>
    <phoneticPr fontId="3"/>
  </si>
  <si>
    <t>当初①</t>
    <rPh sb="0" eb="2">
      <t>トウショ</t>
    </rPh>
    <phoneticPr fontId="3"/>
  </si>
  <si>
    <t>３年度</t>
    <rPh sb="1" eb="3">
      <t>ネンド</t>
    </rPh>
    <phoneticPr fontId="3"/>
  </si>
  <si>
    <t>４年度</t>
    <rPh sb="1" eb="3">
      <t>ネンド</t>
    </rPh>
    <phoneticPr fontId="3"/>
  </si>
  <si>
    <t>広告収入、私用光熱水費に係る収入等</t>
    <rPh sb="0" eb="2">
      <t>コウコク</t>
    </rPh>
    <rPh sb="2" eb="4">
      <t>シュウニュウ</t>
    </rPh>
    <rPh sb="5" eb="7">
      <t>シヨウ</t>
    </rPh>
    <rPh sb="12" eb="13">
      <t>カカ</t>
    </rPh>
    <rPh sb="14" eb="16">
      <t>シュウニュウ</t>
    </rPh>
    <phoneticPr fontId="3"/>
  </si>
  <si>
    <t>所属名　市政改革室</t>
    <rPh sb="0" eb="2">
      <t>ショゾク</t>
    </rPh>
    <rPh sb="2" eb="3">
      <t>メイ</t>
    </rPh>
    <rPh sb="4" eb="6">
      <t>シセイ</t>
    </rPh>
    <rPh sb="6" eb="8">
      <t>カイカク</t>
    </rPh>
    <rPh sb="8" eb="9">
      <t>シツ</t>
    </rPh>
    <phoneticPr fontId="5"/>
  </si>
  <si>
    <t>予算②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;&quot;△ &quot;#,##0"/>
    <numFmt numFmtId="177" formatCode="#,##0.0;&quot;△ &quot;#,##0.0"/>
    <numFmt numFmtId="178" formatCode="0;;;@"/>
  </numFmts>
  <fonts count="22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  <scheme val="minor"/>
    </font>
    <font>
      <sz val="10.5"/>
      <name val="明朝体"/>
      <family val="3"/>
      <charset val="128"/>
    </font>
    <font>
      <sz val="6"/>
      <name val="明朝体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12"/>
      <name val="ＭＳ Ｐゴシック"/>
      <family val="3"/>
      <charset val="128"/>
      <scheme val="minor"/>
    </font>
    <font>
      <sz val="10.5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u/>
      <sz val="10.5"/>
      <name val="ＭＳ Ｐゴシック"/>
      <family val="3"/>
      <charset val="128"/>
      <scheme val="minor"/>
    </font>
    <font>
      <u/>
      <sz val="10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b/>
      <sz val="10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1"/>
      <name val="ＭＳ Ｐゴシック"/>
      <family val="2"/>
      <scheme val="minor"/>
    </font>
    <font>
      <u/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2">
    <xf numFmtId="0" fontId="0" fillId="0" borderId="0"/>
    <xf numFmtId="0" fontId="4" fillId="0" borderId="0"/>
    <xf numFmtId="38" fontId="7" fillId="0" borderId="0" applyFont="0" applyFill="0" applyBorder="0" applyAlignment="0" applyProtection="0"/>
    <xf numFmtId="0" fontId="7" fillId="0" borderId="0"/>
    <xf numFmtId="0" fontId="2" fillId="0" borderId="0">
      <alignment vertical="center"/>
    </xf>
    <xf numFmtId="38" fontId="7" fillId="0" borderId="0" applyFont="0" applyFill="0" applyBorder="0" applyAlignment="0" applyProtection="0"/>
    <xf numFmtId="0" fontId="1" fillId="0" borderId="0">
      <alignment vertical="center"/>
    </xf>
    <xf numFmtId="38" fontId="19" fillId="0" borderId="0" applyFont="0" applyFill="0" applyBorder="0" applyAlignment="0" applyProtection="0">
      <alignment vertical="center"/>
    </xf>
    <xf numFmtId="0" fontId="19" fillId="0" borderId="0"/>
    <xf numFmtId="38" fontId="19" fillId="0" borderId="0" applyFont="0" applyFill="0" applyBorder="0" applyAlignment="0" applyProtection="0">
      <alignment vertical="center"/>
    </xf>
    <xf numFmtId="38" fontId="19" fillId="0" borderId="0" applyFont="0" applyFill="0" applyBorder="0" applyAlignment="0" applyProtection="0">
      <alignment vertical="center"/>
    </xf>
    <xf numFmtId="0" fontId="7" fillId="0" borderId="0"/>
  </cellStyleXfs>
  <cellXfs count="111">
    <xf numFmtId="0" fontId="0" fillId="0" borderId="0" xfId="0"/>
    <xf numFmtId="49" fontId="10" fillId="0" borderId="0" xfId="1" applyNumberFormat="1" applyFont="1" applyFill="1" applyAlignment="1">
      <alignment vertical="center" wrapText="1"/>
    </xf>
    <xf numFmtId="0" fontId="9" fillId="0" borderId="0" xfId="1" applyNumberFormat="1" applyFont="1" applyFill="1" applyAlignment="1">
      <alignment vertical="center" wrapText="1"/>
    </xf>
    <xf numFmtId="0" fontId="9" fillId="0" borderId="0" xfId="1" applyNumberFormat="1" applyFont="1" applyFill="1" applyBorder="1" applyAlignment="1">
      <alignment horizontal="center" vertical="center" wrapText="1"/>
    </xf>
    <xf numFmtId="176" fontId="10" fillId="0" borderId="0" xfId="1" applyNumberFormat="1" applyFont="1" applyFill="1" applyAlignment="1">
      <alignment vertical="center"/>
    </xf>
    <xf numFmtId="176" fontId="10" fillId="0" borderId="0" xfId="1" applyNumberFormat="1" applyFont="1" applyFill="1" applyAlignment="1">
      <alignment horizontal="center" vertical="center"/>
    </xf>
    <xf numFmtId="176" fontId="10" fillId="0" borderId="0" xfId="1" applyNumberFormat="1" applyFont="1" applyFill="1" applyAlignment="1">
      <alignment horizontal="right" vertical="center"/>
    </xf>
    <xf numFmtId="0" fontId="10" fillId="0" borderId="0" xfId="1" applyFont="1" applyFill="1" applyAlignment="1">
      <alignment horizontal="center" vertical="center"/>
    </xf>
    <xf numFmtId="0" fontId="10" fillId="0" borderId="0" xfId="1" applyFont="1" applyFill="1" applyAlignment="1">
      <alignment vertical="center"/>
    </xf>
    <xf numFmtId="0" fontId="10" fillId="0" borderId="0" xfId="1" applyFont="1" applyFill="1" applyAlignment="1">
      <alignment horizontal="left" vertical="center"/>
    </xf>
    <xf numFmtId="0" fontId="12" fillId="0" borderId="0" xfId="1" applyFont="1" applyFill="1" applyAlignment="1">
      <alignment horizontal="center" vertical="center" wrapText="1"/>
    </xf>
    <xf numFmtId="178" fontId="10" fillId="0" borderId="0" xfId="1" applyNumberFormat="1" applyFont="1" applyFill="1" applyAlignment="1">
      <alignment vertical="center"/>
    </xf>
    <xf numFmtId="0" fontId="10" fillId="0" borderId="0" xfId="1" applyNumberFormat="1" applyFont="1" applyFill="1" applyAlignment="1">
      <alignment vertical="center"/>
    </xf>
    <xf numFmtId="0" fontId="10" fillId="0" borderId="0" xfId="1" applyNumberFormat="1" applyFont="1" applyFill="1" applyAlignment="1">
      <alignment vertical="center" wrapText="1"/>
    </xf>
    <xf numFmtId="0" fontId="10" fillId="0" borderId="0" xfId="1" applyNumberFormat="1" applyFont="1" applyFill="1" applyAlignment="1">
      <alignment horizontal="center" vertical="center" wrapText="1"/>
    </xf>
    <xf numFmtId="0" fontId="11" fillId="0" borderId="0" xfId="1" applyFont="1" applyFill="1" applyAlignment="1">
      <alignment horizontal="left" vertical="center"/>
    </xf>
    <xf numFmtId="0" fontId="11" fillId="0" borderId="0" xfId="1" applyFont="1" applyFill="1" applyAlignment="1">
      <alignment vertical="center"/>
    </xf>
    <xf numFmtId="0" fontId="13" fillId="0" borderId="0" xfId="1" applyNumberFormat="1" applyFont="1" applyFill="1" applyAlignment="1">
      <alignment horizontal="left" vertical="center"/>
    </xf>
    <xf numFmtId="0" fontId="13" fillId="0" borderId="0" xfId="1" applyNumberFormat="1" applyFont="1" applyFill="1" applyAlignment="1">
      <alignment horizontal="left" vertical="center" wrapText="1"/>
    </xf>
    <xf numFmtId="0" fontId="13" fillId="0" borderId="0" xfId="1" applyNumberFormat="1" applyFont="1" applyFill="1" applyAlignment="1">
      <alignment horizontal="center" vertical="center" wrapText="1"/>
    </xf>
    <xf numFmtId="176" fontId="13" fillId="0" borderId="0" xfId="1" applyNumberFormat="1" applyFont="1" applyFill="1" applyAlignment="1">
      <alignment horizontal="left" vertical="center"/>
    </xf>
    <xf numFmtId="49" fontId="10" fillId="0" borderId="0" xfId="1" applyNumberFormat="1" applyFont="1" applyFill="1" applyAlignment="1">
      <alignment vertical="center"/>
    </xf>
    <xf numFmtId="0" fontId="10" fillId="0" borderId="0" xfId="1" applyFont="1" applyFill="1" applyAlignment="1">
      <alignment horizontal="center" vertical="center" wrapText="1"/>
    </xf>
    <xf numFmtId="0" fontId="15" fillId="0" borderId="0" xfId="1" applyNumberFormat="1" applyFont="1" applyFill="1" applyAlignment="1">
      <alignment horizontal="right" vertical="center"/>
    </xf>
    <xf numFmtId="0" fontId="15" fillId="0" borderId="0" xfId="1" applyNumberFormat="1" applyFont="1" applyFill="1" applyBorder="1" applyAlignment="1">
      <alignment horizontal="center" vertical="center"/>
    </xf>
    <xf numFmtId="0" fontId="10" fillId="0" borderId="0" xfId="1" applyFont="1" applyFill="1" applyBorder="1" applyAlignment="1">
      <alignment horizontal="center" vertical="center"/>
    </xf>
    <xf numFmtId="0" fontId="16" fillId="0" borderId="0" xfId="1" applyFont="1" applyFill="1" applyAlignment="1">
      <alignment horizontal="center" vertical="center" wrapText="1"/>
    </xf>
    <xf numFmtId="176" fontId="16" fillId="0" borderId="0" xfId="1" applyNumberFormat="1" applyFont="1" applyFill="1" applyBorder="1" applyAlignment="1">
      <alignment horizontal="right" vertical="center" wrapText="1"/>
    </xf>
    <xf numFmtId="176" fontId="12" fillId="0" borderId="0" xfId="1" applyNumberFormat="1" applyFont="1" applyFill="1" applyAlignment="1">
      <alignment horizontal="right" vertical="center"/>
    </xf>
    <xf numFmtId="0" fontId="17" fillId="0" borderId="0" xfId="1" applyFont="1" applyFill="1" applyAlignment="1">
      <alignment horizontal="left" vertical="center"/>
    </xf>
    <xf numFmtId="0" fontId="11" fillId="0" borderId="11" xfId="1" applyNumberFormat="1" applyFont="1" applyFill="1" applyBorder="1" applyAlignment="1">
      <alignment horizontal="center" vertical="center"/>
    </xf>
    <xf numFmtId="0" fontId="10" fillId="0" borderId="0" xfId="1" applyNumberFormat="1" applyFont="1" applyFill="1" applyBorder="1" applyAlignment="1">
      <alignment horizontal="center" vertical="center"/>
    </xf>
    <xf numFmtId="0" fontId="11" fillId="0" borderId="12" xfId="1" applyNumberFormat="1" applyFont="1" applyFill="1" applyBorder="1" applyAlignment="1">
      <alignment horizontal="center" vertical="center"/>
    </xf>
    <xf numFmtId="176" fontId="11" fillId="0" borderId="1" xfId="1" applyNumberFormat="1" applyFont="1" applyFill="1" applyBorder="1" applyAlignment="1">
      <alignment horizontal="center" vertical="center"/>
    </xf>
    <xf numFmtId="38" fontId="11" fillId="0" borderId="7" xfId="2" applyFont="1" applyFill="1" applyBorder="1" applyAlignment="1">
      <alignment horizontal="left" vertical="center" wrapText="1"/>
    </xf>
    <xf numFmtId="176" fontId="10" fillId="0" borderId="7" xfId="1" applyNumberFormat="1" applyFont="1" applyFill="1" applyBorder="1" applyAlignment="1">
      <alignment horizontal="right" vertical="center" shrinkToFit="1"/>
    </xf>
    <xf numFmtId="0" fontId="9" fillId="0" borderId="8" xfId="1" applyFont="1" applyFill="1" applyBorder="1" applyAlignment="1">
      <alignment horizontal="left" vertical="center"/>
    </xf>
    <xf numFmtId="177" fontId="10" fillId="0" borderId="0" xfId="1" applyNumberFormat="1" applyFont="1" applyFill="1" applyAlignment="1">
      <alignment vertical="center"/>
    </xf>
    <xf numFmtId="49" fontId="11" fillId="0" borderId="4" xfId="1" applyNumberFormat="1" applyFont="1" applyFill="1" applyBorder="1" applyAlignment="1">
      <alignment horizontal="center" vertical="center" wrapText="1"/>
    </xf>
    <xf numFmtId="49" fontId="11" fillId="0" borderId="3" xfId="1" applyNumberFormat="1" applyFont="1" applyFill="1" applyBorder="1" applyAlignment="1">
      <alignment horizontal="center" vertical="center" wrapText="1"/>
    </xf>
    <xf numFmtId="0" fontId="11" fillId="0" borderId="7" xfId="1" applyNumberFormat="1" applyFont="1" applyFill="1" applyBorder="1" applyAlignment="1">
      <alignment horizontal="left" vertical="center" wrapText="1"/>
    </xf>
    <xf numFmtId="0" fontId="10" fillId="0" borderId="0" xfId="1" applyFont="1" applyFill="1" applyBorder="1" applyAlignment="1">
      <alignment vertical="center"/>
    </xf>
    <xf numFmtId="0" fontId="11" fillId="0" borderId="16" xfId="1" applyNumberFormat="1" applyFont="1" applyFill="1" applyBorder="1" applyAlignment="1">
      <alignment horizontal="left" vertical="center" wrapText="1"/>
    </xf>
    <xf numFmtId="176" fontId="10" fillId="0" borderId="16" xfId="1" applyNumberFormat="1" applyFont="1" applyFill="1" applyBorder="1" applyAlignment="1">
      <alignment horizontal="right" vertical="center" shrinkToFit="1"/>
    </xf>
    <xf numFmtId="176" fontId="10" fillId="0" borderId="17" xfId="1" applyNumberFormat="1" applyFont="1" applyFill="1" applyBorder="1" applyAlignment="1">
      <alignment horizontal="right" vertical="center" shrinkToFit="1"/>
    </xf>
    <xf numFmtId="0" fontId="9" fillId="0" borderId="17" xfId="1" applyFont="1" applyFill="1" applyBorder="1" applyAlignment="1">
      <alignment horizontal="left" vertical="center"/>
    </xf>
    <xf numFmtId="49" fontId="10" fillId="0" borderId="0" xfId="1" applyNumberFormat="1" applyFont="1" applyFill="1" applyBorder="1" applyAlignment="1">
      <alignment vertical="center"/>
    </xf>
    <xf numFmtId="49" fontId="10" fillId="0" borderId="0" xfId="1" applyNumberFormat="1" applyFont="1" applyFill="1" applyBorder="1" applyAlignment="1">
      <alignment vertical="center" wrapText="1"/>
    </xf>
    <xf numFmtId="176" fontId="10" fillId="0" borderId="0" xfId="1" applyNumberFormat="1" applyFont="1" applyFill="1" applyBorder="1" applyAlignment="1">
      <alignment vertical="center"/>
    </xf>
    <xf numFmtId="176" fontId="10" fillId="0" borderId="0" xfId="1" applyNumberFormat="1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horizontal="left" vertical="center"/>
    </xf>
    <xf numFmtId="0" fontId="11" fillId="0" borderId="0" xfId="1" applyFont="1" applyFill="1" applyBorder="1" applyAlignment="1">
      <alignment vertical="center"/>
    </xf>
    <xf numFmtId="0" fontId="12" fillId="0" borderId="0" xfId="1" applyFont="1" applyFill="1" applyBorder="1" applyAlignment="1">
      <alignment horizontal="center" vertical="center" wrapText="1"/>
    </xf>
    <xf numFmtId="178" fontId="10" fillId="0" borderId="0" xfId="1" applyNumberFormat="1" applyFont="1" applyFill="1" applyBorder="1" applyAlignment="1">
      <alignment vertical="center"/>
    </xf>
    <xf numFmtId="0" fontId="11" fillId="0" borderId="0" xfId="1" applyNumberFormat="1" applyFont="1" applyFill="1" applyAlignment="1">
      <alignment horizontal="left" vertical="center"/>
    </xf>
    <xf numFmtId="0" fontId="10" fillId="0" borderId="0" xfId="1" applyNumberFormat="1" applyFont="1" applyFill="1" applyBorder="1" applyAlignment="1">
      <alignment horizontal="center" vertical="center" wrapText="1"/>
    </xf>
    <xf numFmtId="0" fontId="11" fillId="0" borderId="0" xfId="1" applyNumberFormat="1" applyFont="1" applyFill="1" applyBorder="1" applyAlignment="1">
      <alignment horizontal="left" vertical="center"/>
    </xf>
    <xf numFmtId="176" fontId="10" fillId="0" borderId="0" xfId="1" applyNumberFormat="1" applyFont="1" applyFill="1" applyAlignment="1">
      <alignment horizontal="left" vertical="center"/>
    </xf>
    <xf numFmtId="176" fontId="12" fillId="0" borderId="0" xfId="1" applyNumberFormat="1" applyFont="1" applyFill="1" applyAlignment="1">
      <alignment horizontal="center" vertical="center" wrapText="1"/>
    </xf>
    <xf numFmtId="178" fontId="10" fillId="0" borderId="0" xfId="1" applyNumberFormat="1" applyFont="1" applyFill="1" applyAlignment="1">
      <alignment horizontal="center" vertical="center"/>
    </xf>
    <xf numFmtId="0" fontId="11" fillId="0" borderId="0" xfId="1" applyNumberFormat="1" applyFont="1" applyFill="1" applyBorder="1" applyAlignment="1">
      <alignment horizontal="center" vertical="center"/>
    </xf>
    <xf numFmtId="0" fontId="11" fillId="0" borderId="14" xfId="1" applyNumberFormat="1" applyFont="1" applyFill="1" applyBorder="1" applyAlignment="1">
      <alignment horizontal="center" vertical="center" shrinkToFit="1"/>
    </xf>
    <xf numFmtId="0" fontId="8" fillId="0" borderId="0" xfId="1" applyNumberFormat="1" applyFont="1" applyFill="1" applyAlignment="1">
      <alignment vertical="center"/>
    </xf>
    <xf numFmtId="0" fontId="11" fillId="0" borderId="0" xfId="1" applyNumberFormat="1" applyFont="1" applyFill="1" applyBorder="1" applyAlignment="1">
      <alignment horizontal="left" vertical="center" wrapText="1"/>
    </xf>
    <xf numFmtId="176" fontId="10" fillId="0" borderId="0" xfId="1" applyNumberFormat="1" applyFont="1" applyFill="1" applyBorder="1" applyAlignment="1">
      <alignment horizontal="right" vertical="center" shrinkToFit="1"/>
    </xf>
    <xf numFmtId="0" fontId="9" fillId="0" borderId="0" xfId="1" applyFont="1" applyFill="1" applyBorder="1" applyAlignment="1">
      <alignment horizontal="left" vertical="center"/>
    </xf>
    <xf numFmtId="0" fontId="11" fillId="0" borderId="0" xfId="3" applyFont="1" applyFill="1" applyBorder="1" applyAlignment="1">
      <alignment vertical="center"/>
    </xf>
    <xf numFmtId="0" fontId="11" fillId="0" borderId="18" xfId="1" applyNumberFormat="1" applyFont="1" applyFill="1" applyBorder="1" applyAlignment="1">
      <alignment horizontal="distributed" vertical="center" justifyLastLine="1"/>
    </xf>
    <xf numFmtId="176" fontId="11" fillId="0" borderId="13" xfId="1" applyNumberFormat="1" applyFont="1" applyFill="1" applyBorder="1" applyAlignment="1">
      <alignment horizontal="distributed" vertical="center" justifyLastLine="1"/>
    </xf>
    <xf numFmtId="0" fontId="11" fillId="0" borderId="0" xfId="1" applyFont="1" applyFill="1" applyAlignment="1">
      <alignment horizontal="center" vertical="center"/>
    </xf>
    <xf numFmtId="0" fontId="14" fillId="0" borderId="0" xfId="1" applyNumberFormat="1" applyFont="1" applyFill="1" applyBorder="1" applyAlignment="1">
      <alignment horizontal="center" vertical="center"/>
    </xf>
    <xf numFmtId="0" fontId="11" fillId="0" borderId="0" xfId="3" applyFont="1" applyFill="1" applyBorder="1" applyAlignment="1">
      <alignment horizontal="center" vertical="center"/>
    </xf>
    <xf numFmtId="0" fontId="11" fillId="0" borderId="0" xfId="1" applyFont="1" applyFill="1" applyBorder="1" applyAlignment="1">
      <alignment horizontal="center" vertical="center"/>
    </xf>
    <xf numFmtId="0" fontId="10" fillId="0" borderId="0" xfId="1" applyFont="1" applyFill="1" applyBorder="1" applyAlignment="1">
      <alignment horizontal="left" vertical="center"/>
    </xf>
    <xf numFmtId="0" fontId="20" fillId="0" borderId="0" xfId="0" applyFont="1" applyFill="1" applyAlignment="1">
      <alignment vertical="top"/>
    </xf>
    <xf numFmtId="0" fontId="20" fillId="0" borderId="0" xfId="0" applyFont="1" applyFill="1"/>
    <xf numFmtId="0" fontId="11" fillId="0" borderId="1" xfId="1" applyNumberFormat="1" applyFont="1" applyFill="1" applyBorder="1" applyAlignment="1">
      <alignment horizontal="distributed" vertical="center" justifyLastLine="1"/>
    </xf>
    <xf numFmtId="0" fontId="11" fillId="0" borderId="7" xfId="1" applyNumberFormat="1" applyFont="1" applyFill="1" applyBorder="1" applyAlignment="1" applyProtection="1">
      <alignment horizontal="left" vertical="center" wrapText="1"/>
      <protection locked="0"/>
    </xf>
    <xf numFmtId="0" fontId="21" fillId="0" borderId="0" xfId="1" applyNumberFormat="1" applyFont="1" applyFill="1" applyAlignment="1">
      <alignment horizontal="right" vertical="center"/>
    </xf>
    <xf numFmtId="0" fontId="10" fillId="0" borderId="0" xfId="1" applyFont="1" applyFill="1" applyBorder="1" applyAlignment="1">
      <alignment horizontal="left" vertical="center"/>
    </xf>
    <xf numFmtId="49" fontId="11" fillId="0" borderId="10" xfId="1" applyNumberFormat="1" applyFont="1" applyFill="1" applyBorder="1" applyAlignment="1">
      <alignment vertical="center" wrapText="1"/>
    </xf>
    <xf numFmtId="176" fontId="10" fillId="0" borderId="0" xfId="1" applyNumberFormat="1" applyFont="1" applyFill="1" applyBorder="1" applyAlignment="1">
      <alignment vertical="center" shrinkToFit="1"/>
    </xf>
    <xf numFmtId="0" fontId="15" fillId="0" borderId="0" xfId="1" applyNumberFormat="1" applyFont="1" applyFill="1" applyBorder="1" applyAlignment="1">
      <alignment horizontal="right" vertical="center"/>
    </xf>
    <xf numFmtId="176" fontId="11" fillId="0" borderId="0" xfId="1" applyNumberFormat="1" applyFont="1" applyFill="1" applyBorder="1" applyAlignment="1">
      <alignment horizontal="center" vertical="center" shrinkToFit="1"/>
    </xf>
    <xf numFmtId="176" fontId="11" fillId="0" borderId="23" xfId="1" applyNumberFormat="1" applyFont="1" applyFill="1" applyBorder="1" applyAlignment="1">
      <alignment horizontal="right" vertical="center" shrinkToFit="1"/>
    </xf>
    <xf numFmtId="0" fontId="11" fillId="0" borderId="23" xfId="3" applyFont="1" applyFill="1" applyBorder="1" applyAlignment="1">
      <alignment vertical="center"/>
    </xf>
    <xf numFmtId="0" fontId="11" fillId="0" borderId="24" xfId="3" applyFont="1" applyFill="1" applyBorder="1" applyAlignment="1">
      <alignment vertical="center"/>
    </xf>
    <xf numFmtId="178" fontId="9" fillId="0" borderId="0" xfId="5" applyNumberFormat="1" applyFont="1" applyFill="1" applyBorder="1" applyAlignment="1">
      <alignment horizontal="left" vertical="center" wrapText="1"/>
    </xf>
    <xf numFmtId="49" fontId="11" fillId="0" borderId="8" xfId="1" applyNumberFormat="1" applyFont="1" applyFill="1" applyBorder="1" applyAlignment="1">
      <alignment vertical="center" wrapText="1"/>
    </xf>
    <xf numFmtId="49" fontId="11" fillId="0" borderId="10" xfId="1" applyNumberFormat="1" applyFont="1" applyFill="1" applyBorder="1" applyAlignment="1">
      <alignment vertical="center" wrapText="1"/>
    </xf>
    <xf numFmtId="0" fontId="11" fillId="0" borderId="15" xfId="1" applyNumberFormat="1" applyFont="1" applyFill="1" applyBorder="1" applyAlignment="1">
      <alignment horizontal="center" vertical="center"/>
    </xf>
    <xf numFmtId="0" fontId="11" fillId="0" borderId="16" xfId="1" applyNumberFormat="1" applyFont="1" applyFill="1" applyBorder="1" applyAlignment="1">
      <alignment horizontal="center" vertical="center"/>
    </xf>
    <xf numFmtId="49" fontId="11" fillId="0" borderId="9" xfId="1" applyNumberFormat="1" applyFont="1" applyFill="1" applyBorder="1" applyAlignment="1">
      <alignment vertical="center" wrapText="1"/>
    </xf>
    <xf numFmtId="0" fontId="10" fillId="0" borderId="0" xfId="1" applyFont="1" applyFill="1" applyBorder="1" applyAlignment="1">
      <alignment horizontal="left" vertical="center" wrapText="1"/>
    </xf>
    <xf numFmtId="0" fontId="10" fillId="0" borderId="0" xfId="1" applyFont="1" applyFill="1" applyBorder="1" applyAlignment="1">
      <alignment horizontal="left" vertical="center"/>
    </xf>
    <xf numFmtId="0" fontId="11" fillId="0" borderId="0" xfId="1" applyNumberFormat="1" applyFont="1" applyFill="1" applyBorder="1" applyAlignment="1">
      <alignment horizontal="center" vertical="center" wrapText="1" justifyLastLine="1"/>
    </xf>
    <xf numFmtId="0" fontId="11" fillId="0" borderId="0" xfId="1" applyNumberFormat="1" applyFont="1" applyFill="1" applyBorder="1" applyAlignment="1">
      <alignment horizontal="center" vertical="center" justifyLastLine="1"/>
    </xf>
    <xf numFmtId="0" fontId="11" fillId="0" borderId="0" xfId="1" applyFont="1" applyFill="1" applyAlignment="1">
      <alignment horizontal="right" vertical="center"/>
    </xf>
    <xf numFmtId="0" fontId="15" fillId="0" borderId="0" xfId="1" applyNumberFormat="1" applyFont="1" applyFill="1" applyBorder="1" applyAlignment="1">
      <alignment horizontal="right" vertical="center" wrapText="1"/>
    </xf>
    <xf numFmtId="49" fontId="11" fillId="0" borderId="19" xfId="1" applyNumberFormat="1" applyFont="1" applyFill="1" applyBorder="1" applyAlignment="1">
      <alignment horizontal="distributed" vertical="center" wrapText="1" justifyLastLine="1"/>
    </xf>
    <xf numFmtId="49" fontId="11" fillId="0" borderId="20" xfId="1" applyNumberFormat="1" applyFont="1" applyFill="1" applyBorder="1" applyAlignment="1">
      <alignment horizontal="distributed" vertical="center" wrapText="1" justifyLastLine="1"/>
    </xf>
    <xf numFmtId="49" fontId="11" fillId="0" borderId="18" xfId="1" applyNumberFormat="1" applyFont="1" applyFill="1" applyBorder="1" applyAlignment="1">
      <alignment horizontal="distributed" vertical="center" wrapText="1" justifyLastLine="1"/>
    </xf>
    <xf numFmtId="49" fontId="11" fillId="0" borderId="2" xfId="1" applyNumberFormat="1" applyFont="1" applyFill="1" applyBorder="1" applyAlignment="1">
      <alignment horizontal="distributed" vertical="center" wrapText="1" justifyLastLine="1"/>
    </xf>
    <xf numFmtId="49" fontId="11" fillId="0" borderId="5" xfId="1" applyNumberFormat="1" applyFont="1" applyFill="1" applyBorder="1" applyAlignment="1">
      <alignment horizontal="distributed" vertical="center" wrapText="1" justifyLastLine="1"/>
    </xf>
    <xf numFmtId="49" fontId="11" fillId="0" borderId="6" xfId="1" applyNumberFormat="1" applyFont="1" applyFill="1" applyBorder="1" applyAlignment="1">
      <alignment horizontal="distributed" vertical="center" wrapText="1" justifyLastLine="1"/>
    </xf>
    <xf numFmtId="0" fontId="11" fillId="0" borderId="13" xfId="1" applyNumberFormat="1" applyFont="1" applyFill="1" applyBorder="1" applyAlignment="1">
      <alignment horizontal="distributed" vertical="center" wrapText="1" justifyLastLine="1"/>
    </xf>
    <xf numFmtId="0" fontId="11" fillId="0" borderId="1" xfId="1" applyNumberFormat="1" applyFont="1" applyFill="1" applyBorder="1" applyAlignment="1">
      <alignment horizontal="distributed" vertical="center" wrapText="1" justifyLastLine="1"/>
    </xf>
    <xf numFmtId="0" fontId="11" fillId="0" borderId="19" xfId="1" applyNumberFormat="1" applyFont="1" applyFill="1" applyBorder="1" applyAlignment="1">
      <alignment horizontal="distributed" vertical="center" justifyLastLine="1"/>
    </xf>
    <xf numFmtId="0" fontId="11" fillId="0" borderId="21" xfId="1" applyNumberFormat="1" applyFont="1" applyFill="1" applyBorder="1" applyAlignment="1">
      <alignment horizontal="distributed" vertical="center" justifyLastLine="1"/>
    </xf>
    <xf numFmtId="0" fontId="11" fillId="0" borderId="2" xfId="1" applyNumberFormat="1" applyFont="1" applyFill="1" applyBorder="1" applyAlignment="1">
      <alignment horizontal="distributed" vertical="center" justifyLastLine="1"/>
    </xf>
    <xf numFmtId="0" fontId="11" fillId="0" borderId="22" xfId="1" applyNumberFormat="1" applyFont="1" applyFill="1" applyBorder="1" applyAlignment="1">
      <alignment horizontal="distributed" vertical="center" justifyLastLine="1"/>
    </xf>
  </cellXfs>
  <cellStyles count="12">
    <cellStyle name="桁区切り 2" xfId="2"/>
    <cellStyle name="桁区切り 2 2" xfId="5"/>
    <cellStyle name="桁区切り 2 2 2" xfId="7"/>
    <cellStyle name="桁区切り 3" xfId="10"/>
    <cellStyle name="桁区切り 4" xfId="9"/>
    <cellStyle name="標準" xfId="0" builtinId="0"/>
    <cellStyle name="標準 2" xfId="3"/>
    <cellStyle name="標準 2 2" xfId="8"/>
    <cellStyle name="標準 2 3" xfId="11"/>
    <cellStyle name="標準 3" xfId="4"/>
    <cellStyle name="標準 3 2" xfId="6"/>
    <cellStyle name="標準_③予算事業別調書(目次様式)" xfId="1"/>
  </cellStyles>
  <dxfs count="8"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C0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Medium9"/>
  <colors>
    <mruColors>
      <color rgb="FF00FF00"/>
      <color rgb="FF0000FF"/>
      <color rgb="FFFF99FF"/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&#12518;&#12540;&#12470;&#20316;&#26989;&#29992;&#12501;&#12457;&#12523;&#12480;/da0001&#65288;&#36001;&#21209;&#65319;&#65289;/01_&#20104;&#31639;&#12398;&#12362;&#12375;&#12372;&#12392;/03_&#32113;&#25324;&#25285;&#24403;/R2&#24180;&#24230;&#12398;&#12362;&#20181;&#20107;/R3&#20104;&#31639;/07&#20104;&#31639;&#32232;&#25104;&#36890;&#30693;/&#27096;&#24335;/&#21508;&#25285;&#24403;&#12363;&#12425;/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3" Type="http://schemas.openxmlformats.org/officeDocument/2006/relationships/printerSettings" Target="../printerSettings/printerSettings13.bin"/><Relationship Id="rId18" Type="http://schemas.openxmlformats.org/officeDocument/2006/relationships/printerSettings" Target="../printerSettings/printerSettings18.bin"/><Relationship Id="rId26" Type="http://schemas.openxmlformats.org/officeDocument/2006/relationships/printerSettings" Target="../printerSettings/printerSettings26.bin"/><Relationship Id="rId39" Type="http://schemas.openxmlformats.org/officeDocument/2006/relationships/printerSettings" Target="../printerSettings/printerSettings39.bin"/><Relationship Id="rId3" Type="http://schemas.openxmlformats.org/officeDocument/2006/relationships/printerSettings" Target="../printerSettings/printerSettings3.bin"/><Relationship Id="rId21" Type="http://schemas.openxmlformats.org/officeDocument/2006/relationships/printerSettings" Target="../printerSettings/printerSettings21.bin"/><Relationship Id="rId34" Type="http://schemas.openxmlformats.org/officeDocument/2006/relationships/printerSettings" Target="../printerSettings/printerSettings34.bin"/><Relationship Id="rId42" Type="http://schemas.openxmlformats.org/officeDocument/2006/relationships/printerSettings" Target="../printerSettings/printerSettings42.bin"/><Relationship Id="rId47" Type="http://schemas.openxmlformats.org/officeDocument/2006/relationships/printerSettings" Target="../printerSettings/printerSettings47.bin"/><Relationship Id="rId50" Type="http://schemas.openxmlformats.org/officeDocument/2006/relationships/printerSettings" Target="../printerSettings/printerSettings50.bin"/><Relationship Id="rId7" Type="http://schemas.openxmlformats.org/officeDocument/2006/relationships/printerSettings" Target="../printerSettings/printerSettings7.bin"/><Relationship Id="rId12" Type="http://schemas.openxmlformats.org/officeDocument/2006/relationships/printerSettings" Target="../printerSettings/printerSettings12.bin"/><Relationship Id="rId17" Type="http://schemas.openxmlformats.org/officeDocument/2006/relationships/printerSettings" Target="../printerSettings/printerSettings17.bin"/><Relationship Id="rId25" Type="http://schemas.openxmlformats.org/officeDocument/2006/relationships/printerSettings" Target="../printerSettings/printerSettings25.bin"/><Relationship Id="rId33" Type="http://schemas.openxmlformats.org/officeDocument/2006/relationships/printerSettings" Target="../printerSettings/printerSettings33.bin"/><Relationship Id="rId38" Type="http://schemas.openxmlformats.org/officeDocument/2006/relationships/printerSettings" Target="../printerSettings/printerSettings38.bin"/><Relationship Id="rId46" Type="http://schemas.openxmlformats.org/officeDocument/2006/relationships/printerSettings" Target="../printerSettings/printerSettings46.bin"/><Relationship Id="rId2" Type="http://schemas.openxmlformats.org/officeDocument/2006/relationships/printerSettings" Target="../printerSettings/printerSettings2.bin"/><Relationship Id="rId16" Type="http://schemas.openxmlformats.org/officeDocument/2006/relationships/printerSettings" Target="../printerSettings/printerSettings16.bin"/><Relationship Id="rId20" Type="http://schemas.openxmlformats.org/officeDocument/2006/relationships/printerSettings" Target="../printerSettings/printerSettings20.bin"/><Relationship Id="rId29" Type="http://schemas.openxmlformats.org/officeDocument/2006/relationships/printerSettings" Target="../printerSettings/printerSettings29.bin"/><Relationship Id="rId41" Type="http://schemas.openxmlformats.org/officeDocument/2006/relationships/printerSettings" Target="../printerSettings/printerSettings41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11" Type="http://schemas.openxmlformats.org/officeDocument/2006/relationships/printerSettings" Target="../printerSettings/printerSettings11.bin"/><Relationship Id="rId24" Type="http://schemas.openxmlformats.org/officeDocument/2006/relationships/printerSettings" Target="../printerSettings/printerSettings24.bin"/><Relationship Id="rId32" Type="http://schemas.openxmlformats.org/officeDocument/2006/relationships/printerSettings" Target="../printerSettings/printerSettings32.bin"/><Relationship Id="rId37" Type="http://schemas.openxmlformats.org/officeDocument/2006/relationships/printerSettings" Target="../printerSettings/printerSettings37.bin"/><Relationship Id="rId40" Type="http://schemas.openxmlformats.org/officeDocument/2006/relationships/printerSettings" Target="../printerSettings/printerSettings40.bin"/><Relationship Id="rId45" Type="http://schemas.openxmlformats.org/officeDocument/2006/relationships/printerSettings" Target="../printerSettings/printerSettings45.bin"/><Relationship Id="rId5" Type="http://schemas.openxmlformats.org/officeDocument/2006/relationships/printerSettings" Target="../printerSettings/printerSettings5.bin"/><Relationship Id="rId15" Type="http://schemas.openxmlformats.org/officeDocument/2006/relationships/printerSettings" Target="../printerSettings/printerSettings15.bin"/><Relationship Id="rId23" Type="http://schemas.openxmlformats.org/officeDocument/2006/relationships/printerSettings" Target="../printerSettings/printerSettings23.bin"/><Relationship Id="rId28" Type="http://schemas.openxmlformats.org/officeDocument/2006/relationships/printerSettings" Target="../printerSettings/printerSettings28.bin"/><Relationship Id="rId36" Type="http://schemas.openxmlformats.org/officeDocument/2006/relationships/printerSettings" Target="../printerSettings/printerSettings36.bin"/><Relationship Id="rId49" Type="http://schemas.openxmlformats.org/officeDocument/2006/relationships/printerSettings" Target="../printerSettings/printerSettings49.bin"/><Relationship Id="rId10" Type="http://schemas.openxmlformats.org/officeDocument/2006/relationships/printerSettings" Target="../printerSettings/printerSettings10.bin"/><Relationship Id="rId19" Type="http://schemas.openxmlformats.org/officeDocument/2006/relationships/printerSettings" Target="../printerSettings/printerSettings19.bin"/><Relationship Id="rId31" Type="http://schemas.openxmlformats.org/officeDocument/2006/relationships/printerSettings" Target="../printerSettings/printerSettings31.bin"/><Relationship Id="rId44" Type="http://schemas.openxmlformats.org/officeDocument/2006/relationships/printerSettings" Target="../printerSettings/printerSettings44.bin"/><Relationship Id="rId52" Type="http://schemas.openxmlformats.org/officeDocument/2006/relationships/comments" Target="../comments1.xml"/><Relationship Id="rId4" Type="http://schemas.openxmlformats.org/officeDocument/2006/relationships/printerSettings" Target="../printerSettings/printerSettings4.bin"/><Relationship Id="rId9" Type="http://schemas.openxmlformats.org/officeDocument/2006/relationships/printerSettings" Target="../printerSettings/printerSettings9.bin"/><Relationship Id="rId14" Type="http://schemas.openxmlformats.org/officeDocument/2006/relationships/printerSettings" Target="../printerSettings/printerSettings14.bin"/><Relationship Id="rId22" Type="http://schemas.openxmlformats.org/officeDocument/2006/relationships/printerSettings" Target="../printerSettings/printerSettings22.bin"/><Relationship Id="rId27" Type="http://schemas.openxmlformats.org/officeDocument/2006/relationships/printerSettings" Target="../printerSettings/printerSettings27.bin"/><Relationship Id="rId30" Type="http://schemas.openxmlformats.org/officeDocument/2006/relationships/printerSettings" Target="../printerSettings/printerSettings30.bin"/><Relationship Id="rId35" Type="http://schemas.openxmlformats.org/officeDocument/2006/relationships/printerSettings" Target="../printerSettings/printerSettings35.bin"/><Relationship Id="rId43" Type="http://schemas.openxmlformats.org/officeDocument/2006/relationships/printerSettings" Target="../printerSettings/printerSettings43.bin"/><Relationship Id="rId48" Type="http://schemas.openxmlformats.org/officeDocument/2006/relationships/printerSettings" Target="../printerSettings/printerSettings48.bin"/><Relationship Id="rId8" Type="http://schemas.openxmlformats.org/officeDocument/2006/relationships/printerSettings" Target="../printerSettings/printerSettings8.bin"/><Relationship Id="rId51" Type="http://schemas.openxmlformats.org/officeDocument/2006/relationships/vmlDrawing" Target="../drawings/vmlDrawing1.v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WN52"/>
  <sheetViews>
    <sheetView tabSelected="1" view="pageBreakPreview" zoomScale="85" zoomScaleNormal="100" zoomScaleSheetLayoutView="85" workbookViewId="0">
      <pane ySplit="7" topLeftCell="A8" activePane="bottomLeft" state="frozen"/>
      <selection activeCell="A18" sqref="A18"/>
      <selection pane="bottomLeft" activeCell="H6" sqref="H6"/>
    </sheetView>
  </sheetViews>
  <sheetFormatPr defaultColWidth="8.625" defaultRowHeight="18" customHeight="1" outlineLevelCol="1"/>
  <cols>
    <col min="1" max="1" width="3.75" style="21" customWidth="1"/>
    <col min="2" max="4" width="1.25" style="1" customWidth="1"/>
    <col min="5" max="5" width="25" style="1" customWidth="1"/>
    <col min="6" max="6" width="31.25" style="14" customWidth="1"/>
    <col min="7" max="8" width="11.25" style="5" customWidth="1"/>
    <col min="9" max="9" width="11.25" style="4" customWidth="1"/>
    <col min="10" max="10" width="5" style="15" customWidth="1"/>
    <col min="11" max="11" width="5" style="16" customWidth="1"/>
    <col min="12" max="12" width="6.5" style="69" customWidth="1"/>
    <col min="13" max="13" width="3.875" style="7" customWidth="1" outlineLevel="1"/>
    <col min="14" max="14" width="4" style="7" customWidth="1" outlineLevel="1"/>
    <col min="15" max="15" width="3.875" style="7" customWidth="1" outlineLevel="1"/>
    <col min="16" max="16" width="3.25" style="7" customWidth="1" outlineLevel="1"/>
    <col min="17" max="17" width="5" style="7" customWidth="1" outlineLevel="1"/>
    <col min="18" max="19" width="8.625" style="8" customWidth="1"/>
    <col min="20" max="20" width="23.875" style="8" bestFit="1" customWidth="1"/>
    <col min="21" max="21" width="16.125" style="9" bestFit="1" customWidth="1"/>
    <col min="22" max="26" width="8.625" style="8" customWidth="1"/>
    <col min="27" max="27" width="8.625" style="10" customWidth="1"/>
    <col min="28" max="32" width="8.625" style="8" customWidth="1"/>
    <col min="33" max="37" width="8.625" style="11" customWidth="1"/>
    <col min="38" max="38" width="22.875" style="11" customWidth="1"/>
    <col min="39" max="198" width="8.625" style="8" customWidth="1"/>
    <col min="199" max="16384" width="8.625" style="8"/>
  </cols>
  <sheetData>
    <row r="1" spans="1:612" ht="18" customHeight="1">
      <c r="A1" s="62" t="s">
        <v>10</v>
      </c>
      <c r="C1" s="2"/>
      <c r="D1" s="2"/>
      <c r="E1" s="2"/>
      <c r="F1" s="3"/>
      <c r="I1" s="6"/>
      <c r="J1" s="97"/>
      <c r="K1" s="97"/>
    </row>
    <row r="2" spans="1:612" ht="14.25" customHeight="1">
      <c r="A2" s="12"/>
      <c r="C2" s="13"/>
      <c r="D2" s="13"/>
      <c r="E2" s="13"/>
      <c r="L2" s="72"/>
      <c r="M2" s="25"/>
      <c r="N2" s="25"/>
      <c r="O2" s="25"/>
      <c r="P2" s="25"/>
      <c r="Q2" s="25"/>
      <c r="R2" s="41"/>
      <c r="S2" s="41"/>
      <c r="T2" s="41"/>
      <c r="U2" s="79"/>
      <c r="V2" s="41"/>
      <c r="W2" s="93"/>
      <c r="X2" s="94"/>
      <c r="Y2" s="94"/>
      <c r="Z2" s="94"/>
      <c r="AA2" s="94"/>
      <c r="AB2" s="41"/>
      <c r="AC2" s="41"/>
      <c r="AD2" s="41"/>
      <c r="AE2" s="41"/>
      <c r="AF2" s="41"/>
      <c r="AG2" s="53"/>
      <c r="AH2" s="53"/>
      <c r="AI2" s="53"/>
      <c r="AJ2" s="53"/>
      <c r="AK2" s="53"/>
      <c r="AL2" s="53"/>
      <c r="AM2" s="41"/>
      <c r="AN2" s="41"/>
      <c r="AO2" s="41"/>
      <c r="AP2" s="41"/>
      <c r="AQ2" s="41"/>
      <c r="AR2" s="41"/>
      <c r="AS2" s="41"/>
      <c r="AT2" s="41"/>
      <c r="AU2" s="41"/>
      <c r="AV2" s="41"/>
      <c r="AW2" s="41"/>
      <c r="AX2" s="41"/>
      <c r="AY2" s="41"/>
      <c r="AZ2" s="41"/>
      <c r="BA2" s="41"/>
      <c r="BB2" s="41"/>
      <c r="BC2" s="41"/>
      <c r="BD2" s="41"/>
      <c r="BE2" s="41"/>
      <c r="BF2" s="41"/>
      <c r="BG2" s="41"/>
      <c r="BH2" s="41"/>
      <c r="BI2" s="41"/>
      <c r="BJ2" s="41"/>
      <c r="BK2" s="41"/>
      <c r="BL2" s="41"/>
      <c r="BM2" s="41"/>
      <c r="BN2" s="41"/>
      <c r="BO2" s="41"/>
      <c r="BP2" s="41"/>
      <c r="BQ2" s="41"/>
      <c r="BR2" s="41"/>
      <c r="BS2" s="41"/>
      <c r="BT2" s="41"/>
      <c r="BU2" s="41"/>
      <c r="BV2" s="41"/>
      <c r="BW2" s="41"/>
      <c r="BX2" s="41"/>
      <c r="BY2" s="41"/>
      <c r="BZ2" s="41"/>
      <c r="CA2" s="41"/>
      <c r="CB2" s="41"/>
      <c r="CC2" s="41"/>
      <c r="CD2" s="41"/>
      <c r="CE2" s="41"/>
      <c r="CF2" s="41"/>
      <c r="CG2" s="41"/>
      <c r="CH2" s="41"/>
      <c r="CI2" s="41"/>
      <c r="CJ2" s="41"/>
      <c r="CK2" s="41"/>
      <c r="CL2" s="41"/>
      <c r="CM2" s="41"/>
      <c r="CN2" s="41"/>
      <c r="CO2" s="41"/>
      <c r="CP2" s="41"/>
      <c r="CQ2" s="41"/>
      <c r="CR2" s="41"/>
      <c r="CS2" s="41"/>
      <c r="CT2" s="41"/>
      <c r="CU2" s="41"/>
      <c r="CV2" s="41"/>
      <c r="CW2" s="41"/>
      <c r="CX2" s="41"/>
      <c r="CY2" s="41"/>
      <c r="CZ2" s="41"/>
      <c r="DA2" s="41"/>
      <c r="DB2" s="41"/>
      <c r="DC2" s="41"/>
      <c r="DD2" s="41"/>
      <c r="DE2" s="41"/>
      <c r="DF2" s="41"/>
      <c r="DG2" s="41"/>
      <c r="DH2" s="41"/>
      <c r="DI2" s="41"/>
      <c r="DJ2" s="41"/>
      <c r="DK2" s="41"/>
      <c r="DL2" s="41"/>
      <c r="DM2" s="41"/>
      <c r="DN2" s="41"/>
      <c r="DO2" s="41"/>
      <c r="DP2" s="41"/>
      <c r="DQ2" s="41"/>
      <c r="DR2" s="41"/>
      <c r="DS2" s="41"/>
      <c r="DT2" s="41"/>
      <c r="DU2" s="41"/>
      <c r="DV2" s="41"/>
      <c r="DW2" s="41"/>
      <c r="DX2" s="41"/>
      <c r="DY2" s="41"/>
      <c r="DZ2" s="41"/>
      <c r="EA2" s="41"/>
      <c r="EB2" s="41"/>
      <c r="EC2" s="41"/>
      <c r="ED2" s="41"/>
      <c r="EE2" s="41"/>
      <c r="EF2" s="41"/>
      <c r="EG2" s="41"/>
      <c r="EH2" s="41"/>
      <c r="EI2" s="41"/>
      <c r="EJ2" s="41"/>
      <c r="EK2" s="41"/>
      <c r="EL2" s="41"/>
      <c r="EM2" s="41"/>
      <c r="EN2" s="41"/>
      <c r="EO2" s="41"/>
      <c r="EP2" s="41"/>
      <c r="EQ2" s="41"/>
      <c r="ER2" s="41"/>
      <c r="ES2" s="41"/>
      <c r="ET2" s="41"/>
      <c r="EU2" s="41"/>
      <c r="EV2" s="41"/>
      <c r="EW2" s="41"/>
      <c r="EX2" s="41"/>
      <c r="EY2" s="41"/>
      <c r="EZ2" s="41"/>
      <c r="FA2" s="41"/>
      <c r="FB2" s="41"/>
      <c r="FC2" s="41"/>
      <c r="FD2" s="41"/>
      <c r="FE2" s="41"/>
      <c r="FF2" s="41"/>
      <c r="FG2" s="41"/>
      <c r="FH2" s="41"/>
      <c r="FI2" s="41"/>
      <c r="FJ2" s="41"/>
      <c r="FK2" s="41"/>
      <c r="FL2" s="41"/>
      <c r="FM2" s="41"/>
      <c r="FN2" s="41"/>
      <c r="FO2" s="41"/>
      <c r="FP2" s="41"/>
      <c r="FQ2" s="41"/>
      <c r="FR2" s="41"/>
      <c r="FS2" s="41"/>
      <c r="FT2" s="41"/>
      <c r="FU2" s="41"/>
      <c r="FV2" s="41"/>
      <c r="FW2" s="41"/>
      <c r="FX2" s="41"/>
      <c r="FY2" s="41"/>
      <c r="FZ2" s="41"/>
      <c r="GA2" s="41"/>
      <c r="GB2" s="41"/>
      <c r="GC2" s="41"/>
      <c r="GD2" s="41"/>
      <c r="GE2" s="41"/>
      <c r="GF2" s="41"/>
      <c r="GG2" s="41"/>
      <c r="GH2" s="41"/>
      <c r="GI2" s="41"/>
      <c r="GJ2" s="41"/>
      <c r="GK2" s="41"/>
      <c r="GL2" s="41"/>
      <c r="GM2" s="41"/>
      <c r="GN2" s="41"/>
      <c r="GO2" s="41"/>
      <c r="GP2" s="41"/>
      <c r="GQ2" s="41"/>
      <c r="GR2" s="41"/>
      <c r="GS2" s="41"/>
      <c r="GT2" s="41"/>
      <c r="GU2" s="41"/>
      <c r="GV2" s="41"/>
      <c r="GW2" s="41"/>
      <c r="GX2" s="41"/>
      <c r="GY2" s="41"/>
      <c r="GZ2" s="41"/>
      <c r="HA2" s="41"/>
      <c r="HB2" s="41"/>
      <c r="HC2" s="41"/>
      <c r="HD2" s="41"/>
      <c r="HE2" s="41"/>
      <c r="HF2" s="41"/>
      <c r="HG2" s="41"/>
      <c r="HH2" s="41"/>
      <c r="HI2" s="41"/>
      <c r="HJ2" s="41"/>
      <c r="HK2" s="41"/>
      <c r="HL2" s="41"/>
      <c r="HM2" s="41"/>
      <c r="HN2" s="41"/>
      <c r="HO2" s="41"/>
      <c r="HP2" s="41"/>
      <c r="HQ2" s="41"/>
      <c r="HR2" s="41"/>
      <c r="HS2" s="41"/>
      <c r="HT2" s="41"/>
      <c r="HU2" s="41"/>
      <c r="HV2" s="41"/>
      <c r="HW2" s="41"/>
      <c r="HX2" s="41"/>
      <c r="HY2" s="41"/>
      <c r="HZ2" s="41"/>
      <c r="IA2" s="41"/>
      <c r="IB2" s="41"/>
      <c r="IC2" s="41"/>
      <c r="ID2" s="41"/>
      <c r="IE2" s="41"/>
      <c r="IF2" s="41"/>
      <c r="IG2" s="41"/>
      <c r="IH2" s="41"/>
      <c r="II2" s="41"/>
      <c r="IJ2" s="41"/>
      <c r="IK2" s="41"/>
      <c r="IL2" s="41"/>
      <c r="IM2" s="41"/>
      <c r="IN2" s="41"/>
      <c r="IO2" s="41"/>
      <c r="IP2" s="41"/>
      <c r="IQ2" s="41"/>
      <c r="IR2" s="41"/>
      <c r="IS2" s="41"/>
      <c r="IT2" s="41"/>
      <c r="IU2" s="41"/>
      <c r="IV2" s="41"/>
      <c r="IW2" s="41"/>
      <c r="IX2" s="41"/>
      <c r="IY2" s="41"/>
      <c r="IZ2" s="41"/>
      <c r="JA2" s="41"/>
      <c r="JB2" s="41"/>
      <c r="JC2" s="41"/>
      <c r="JD2" s="41"/>
      <c r="JE2" s="41"/>
      <c r="JF2" s="41"/>
      <c r="JG2" s="41"/>
      <c r="JH2" s="41"/>
      <c r="JI2" s="41"/>
      <c r="JJ2" s="41"/>
      <c r="JK2" s="41"/>
      <c r="JL2" s="41"/>
      <c r="JM2" s="41"/>
      <c r="JN2" s="41"/>
      <c r="JO2" s="41"/>
      <c r="JP2" s="41"/>
      <c r="JQ2" s="41"/>
      <c r="JR2" s="41"/>
      <c r="JS2" s="41"/>
      <c r="JT2" s="41"/>
      <c r="JU2" s="41"/>
      <c r="JV2" s="41"/>
      <c r="JW2" s="41"/>
      <c r="JX2" s="41"/>
      <c r="JY2" s="41"/>
      <c r="JZ2" s="41"/>
      <c r="KA2" s="41"/>
      <c r="KB2" s="41"/>
      <c r="KC2" s="41"/>
      <c r="KD2" s="41"/>
      <c r="KE2" s="41"/>
      <c r="KF2" s="41"/>
      <c r="KG2" s="41"/>
      <c r="KH2" s="41"/>
      <c r="KI2" s="41"/>
      <c r="KJ2" s="41"/>
      <c r="KK2" s="41"/>
      <c r="KL2" s="41"/>
      <c r="KM2" s="41"/>
      <c r="KN2" s="41"/>
      <c r="KO2" s="41"/>
      <c r="KP2" s="41"/>
      <c r="KQ2" s="41"/>
      <c r="KR2" s="41"/>
      <c r="KS2" s="41"/>
      <c r="KT2" s="41"/>
      <c r="KU2" s="41"/>
      <c r="KV2" s="41"/>
      <c r="KW2" s="41"/>
      <c r="KX2" s="41"/>
      <c r="KY2" s="41"/>
      <c r="KZ2" s="41"/>
      <c r="LA2" s="41"/>
      <c r="LB2" s="41"/>
      <c r="LC2" s="41"/>
      <c r="LD2" s="41"/>
      <c r="LE2" s="41"/>
      <c r="LF2" s="41"/>
      <c r="LG2" s="41"/>
      <c r="LH2" s="41"/>
      <c r="LI2" s="41"/>
      <c r="LJ2" s="41"/>
      <c r="LK2" s="41"/>
      <c r="LL2" s="41"/>
      <c r="LM2" s="41"/>
      <c r="LN2" s="41"/>
      <c r="LO2" s="41"/>
      <c r="LP2" s="41"/>
      <c r="LQ2" s="41"/>
      <c r="LR2" s="41"/>
      <c r="LS2" s="41"/>
      <c r="LT2" s="41"/>
      <c r="LU2" s="41"/>
      <c r="LV2" s="41"/>
      <c r="LW2" s="41"/>
      <c r="LX2" s="41"/>
      <c r="LY2" s="41"/>
      <c r="LZ2" s="41"/>
      <c r="MA2" s="41"/>
      <c r="MB2" s="41"/>
      <c r="MC2" s="41"/>
      <c r="MD2" s="41"/>
      <c r="ME2" s="41"/>
      <c r="MF2" s="41"/>
      <c r="MG2" s="41"/>
      <c r="MH2" s="41"/>
      <c r="MI2" s="41"/>
      <c r="MJ2" s="41"/>
      <c r="MK2" s="41"/>
      <c r="ML2" s="41"/>
      <c r="MM2" s="41"/>
      <c r="MN2" s="41"/>
      <c r="MO2" s="41"/>
      <c r="MP2" s="41"/>
      <c r="MQ2" s="41"/>
      <c r="MR2" s="41"/>
      <c r="MS2" s="41"/>
      <c r="MT2" s="41"/>
      <c r="MU2" s="41"/>
      <c r="MV2" s="41"/>
      <c r="MW2" s="41"/>
      <c r="MX2" s="41"/>
      <c r="MY2" s="41"/>
      <c r="MZ2" s="41"/>
      <c r="NA2" s="41"/>
      <c r="NB2" s="41"/>
      <c r="NC2" s="41"/>
      <c r="ND2" s="41"/>
      <c r="NE2" s="41"/>
      <c r="NF2" s="41"/>
      <c r="NG2" s="41"/>
      <c r="NH2" s="41"/>
      <c r="NI2" s="41"/>
      <c r="NJ2" s="41"/>
      <c r="NK2" s="41"/>
      <c r="NL2" s="41"/>
      <c r="NM2" s="41"/>
      <c r="NN2" s="41"/>
      <c r="NO2" s="41"/>
      <c r="NP2" s="41"/>
      <c r="NQ2" s="41"/>
      <c r="NR2" s="41"/>
      <c r="NS2" s="41"/>
      <c r="NT2" s="41"/>
      <c r="NU2" s="41"/>
      <c r="NV2" s="41"/>
      <c r="NW2" s="41"/>
      <c r="NX2" s="41"/>
      <c r="NY2" s="41"/>
      <c r="NZ2" s="41"/>
      <c r="OA2" s="41"/>
      <c r="OB2" s="41"/>
      <c r="OC2" s="41"/>
      <c r="OD2" s="41"/>
      <c r="OE2" s="41"/>
      <c r="OF2" s="41"/>
      <c r="OG2" s="41"/>
      <c r="OH2" s="41"/>
      <c r="OI2" s="41"/>
      <c r="OJ2" s="41"/>
      <c r="OK2" s="41"/>
      <c r="OL2" s="41"/>
      <c r="OM2" s="41"/>
      <c r="ON2" s="41"/>
      <c r="OO2" s="41"/>
      <c r="OP2" s="41"/>
      <c r="OQ2" s="41"/>
      <c r="OR2" s="41"/>
      <c r="OS2" s="41"/>
      <c r="OT2" s="41"/>
      <c r="OU2" s="41"/>
      <c r="OV2" s="41"/>
      <c r="OW2" s="41"/>
      <c r="OX2" s="41"/>
      <c r="OY2" s="41"/>
      <c r="OZ2" s="41"/>
      <c r="PA2" s="41"/>
      <c r="PB2" s="41"/>
      <c r="PC2" s="41"/>
      <c r="PD2" s="41"/>
      <c r="PE2" s="41"/>
      <c r="PF2" s="41"/>
      <c r="PG2" s="41"/>
      <c r="PH2" s="41"/>
      <c r="PI2" s="41"/>
      <c r="PJ2" s="41"/>
      <c r="PK2" s="41"/>
      <c r="PL2" s="41"/>
      <c r="PM2" s="41"/>
      <c r="PN2" s="41"/>
      <c r="PO2" s="41"/>
      <c r="PP2" s="41"/>
      <c r="PQ2" s="41"/>
      <c r="PR2" s="41"/>
      <c r="PS2" s="41"/>
      <c r="PT2" s="41"/>
      <c r="PU2" s="41"/>
      <c r="PV2" s="41"/>
      <c r="PW2" s="41"/>
      <c r="PX2" s="41"/>
      <c r="PY2" s="41"/>
      <c r="PZ2" s="41"/>
      <c r="QA2" s="41"/>
      <c r="QB2" s="41"/>
      <c r="QC2" s="41"/>
      <c r="QD2" s="41"/>
      <c r="QE2" s="41"/>
      <c r="QF2" s="41"/>
      <c r="QG2" s="41"/>
      <c r="QH2" s="41"/>
      <c r="QI2" s="41"/>
      <c r="QJ2" s="41"/>
      <c r="QK2" s="41"/>
      <c r="QL2" s="41"/>
      <c r="QM2" s="41"/>
      <c r="QN2" s="41"/>
      <c r="QO2" s="41"/>
      <c r="QP2" s="41"/>
      <c r="QQ2" s="41"/>
      <c r="QR2" s="41"/>
      <c r="QS2" s="41"/>
      <c r="QT2" s="41"/>
      <c r="QU2" s="41"/>
      <c r="QV2" s="41"/>
      <c r="QW2" s="41"/>
      <c r="QX2" s="41"/>
      <c r="QY2" s="41"/>
      <c r="QZ2" s="41"/>
      <c r="RA2" s="41"/>
      <c r="RB2" s="41"/>
      <c r="RC2" s="41"/>
      <c r="RD2" s="41"/>
      <c r="RE2" s="41"/>
      <c r="RF2" s="41"/>
      <c r="RG2" s="41"/>
      <c r="RH2" s="41"/>
      <c r="RI2" s="41"/>
      <c r="RJ2" s="41"/>
      <c r="RK2" s="41"/>
      <c r="RL2" s="41"/>
      <c r="RM2" s="41"/>
      <c r="RN2" s="41"/>
      <c r="RO2" s="41"/>
      <c r="RP2" s="41"/>
      <c r="RQ2" s="41"/>
      <c r="RR2" s="41"/>
      <c r="RS2" s="41"/>
      <c r="RT2" s="41"/>
      <c r="RU2" s="41"/>
      <c r="RV2" s="41"/>
      <c r="RW2" s="41"/>
      <c r="RX2" s="41"/>
      <c r="RY2" s="41"/>
      <c r="RZ2" s="41"/>
      <c r="SA2" s="41"/>
      <c r="SB2" s="41"/>
      <c r="SC2" s="41"/>
      <c r="SD2" s="41"/>
      <c r="SE2" s="41"/>
      <c r="SF2" s="41"/>
      <c r="SG2" s="41"/>
      <c r="SH2" s="41"/>
      <c r="SI2" s="41"/>
      <c r="SJ2" s="41"/>
      <c r="SK2" s="41"/>
      <c r="SL2" s="41"/>
      <c r="SM2" s="41"/>
      <c r="SN2" s="41"/>
      <c r="SO2" s="41"/>
      <c r="SP2" s="41"/>
      <c r="SQ2" s="41"/>
      <c r="SR2" s="41"/>
      <c r="SS2" s="41"/>
      <c r="ST2" s="41"/>
      <c r="SU2" s="41"/>
      <c r="SV2" s="41"/>
      <c r="SW2" s="41"/>
      <c r="SX2" s="41"/>
      <c r="SY2" s="41"/>
      <c r="SZ2" s="41"/>
      <c r="TA2" s="41"/>
      <c r="TB2" s="41"/>
      <c r="TC2" s="41"/>
      <c r="TD2" s="41"/>
      <c r="TE2" s="41"/>
      <c r="TF2" s="41"/>
      <c r="TG2" s="41"/>
      <c r="TH2" s="41"/>
      <c r="TI2" s="41"/>
      <c r="TJ2" s="41"/>
      <c r="TK2" s="41"/>
      <c r="TL2" s="41"/>
      <c r="TM2" s="41"/>
      <c r="TN2" s="41"/>
      <c r="TO2" s="41"/>
      <c r="TP2" s="41"/>
      <c r="TQ2" s="41"/>
      <c r="TR2" s="41"/>
      <c r="TS2" s="41"/>
      <c r="TT2" s="41"/>
      <c r="TU2" s="41"/>
      <c r="TV2" s="41"/>
      <c r="TW2" s="41"/>
      <c r="TX2" s="41"/>
      <c r="TY2" s="41"/>
      <c r="TZ2" s="41"/>
      <c r="UA2" s="41"/>
      <c r="UB2" s="41"/>
      <c r="UC2" s="41"/>
      <c r="UD2" s="41"/>
      <c r="UE2" s="41"/>
      <c r="UF2" s="41"/>
      <c r="UG2" s="41"/>
      <c r="UH2" s="41"/>
      <c r="UI2" s="41"/>
      <c r="UJ2" s="41"/>
      <c r="UK2" s="41"/>
      <c r="UL2" s="41"/>
      <c r="UM2" s="41"/>
      <c r="UN2" s="41"/>
      <c r="UO2" s="41"/>
      <c r="UP2" s="41"/>
      <c r="UQ2" s="41"/>
      <c r="UR2" s="41"/>
      <c r="US2" s="41"/>
      <c r="UT2" s="41"/>
      <c r="UU2" s="41"/>
      <c r="UV2" s="41"/>
      <c r="UW2" s="41"/>
      <c r="UX2" s="41"/>
      <c r="UY2" s="41"/>
      <c r="UZ2" s="41"/>
      <c r="VA2" s="41"/>
      <c r="VB2" s="41"/>
      <c r="VC2" s="41"/>
      <c r="VD2" s="41"/>
      <c r="VE2" s="41"/>
      <c r="VF2" s="41"/>
      <c r="VG2" s="41"/>
      <c r="VH2" s="41"/>
      <c r="VI2" s="41"/>
      <c r="VJ2" s="41"/>
      <c r="VK2" s="41"/>
      <c r="VL2" s="41"/>
      <c r="VM2" s="41"/>
      <c r="VN2" s="41"/>
      <c r="VO2" s="41"/>
      <c r="VP2" s="41"/>
      <c r="VQ2" s="41"/>
      <c r="VR2" s="41"/>
      <c r="VS2" s="41"/>
      <c r="VT2" s="41"/>
      <c r="VU2" s="41"/>
      <c r="VV2" s="41"/>
      <c r="VW2" s="41"/>
      <c r="VX2" s="41"/>
      <c r="VY2" s="41"/>
      <c r="VZ2" s="41"/>
      <c r="WA2" s="41"/>
      <c r="WB2" s="41"/>
      <c r="WC2" s="41"/>
      <c r="WD2" s="41"/>
      <c r="WE2" s="41"/>
      <c r="WF2" s="41"/>
      <c r="WG2" s="41"/>
      <c r="WH2" s="41"/>
      <c r="WI2" s="41"/>
      <c r="WJ2" s="41"/>
      <c r="WK2" s="41"/>
      <c r="WL2" s="41"/>
      <c r="WM2" s="41"/>
      <c r="WN2" s="41"/>
    </row>
    <row r="3" spans="1:612" ht="27.75" customHeight="1">
      <c r="A3" s="17"/>
      <c r="C3" s="18"/>
      <c r="D3" s="18"/>
      <c r="E3" s="18"/>
      <c r="F3" s="19"/>
      <c r="I3" s="20"/>
      <c r="L3" s="70"/>
      <c r="M3" s="25"/>
      <c r="N3" s="25"/>
      <c r="O3" s="25"/>
      <c r="P3" s="25"/>
      <c r="Q3" s="25"/>
      <c r="R3" s="41"/>
      <c r="S3" s="41"/>
      <c r="T3" s="41"/>
      <c r="U3" s="79"/>
      <c r="V3" s="41"/>
      <c r="W3" s="94"/>
      <c r="X3" s="94"/>
      <c r="Y3" s="94"/>
      <c r="Z3" s="94"/>
      <c r="AA3" s="94"/>
      <c r="AB3" s="41"/>
      <c r="AC3" s="41"/>
      <c r="AD3" s="41"/>
      <c r="AE3" s="41"/>
      <c r="AF3" s="41"/>
      <c r="AG3" s="53"/>
      <c r="AH3" s="53"/>
      <c r="AI3" s="53"/>
      <c r="AJ3" s="53"/>
      <c r="AK3" s="53"/>
      <c r="AL3" s="53"/>
      <c r="AM3" s="41"/>
      <c r="AN3" s="41"/>
      <c r="AO3" s="41"/>
      <c r="AP3" s="41"/>
      <c r="AQ3" s="41"/>
      <c r="AR3" s="41"/>
      <c r="AS3" s="41"/>
      <c r="AT3" s="41"/>
      <c r="AU3" s="41"/>
      <c r="AV3" s="41"/>
      <c r="AW3" s="41"/>
      <c r="AX3" s="41"/>
      <c r="AY3" s="41"/>
      <c r="AZ3" s="41"/>
      <c r="BA3" s="41"/>
      <c r="BB3" s="41"/>
      <c r="BC3" s="41"/>
      <c r="BD3" s="41"/>
      <c r="BE3" s="41"/>
      <c r="BF3" s="41"/>
      <c r="BG3" s="41"/>
      <c r="BH3" s="41"/>
      <c r="BI3" s="41"/>
      <c r="BJ3" s="41"/>
      <c r="BK3" s="41"/>
      <c r="BL3" s="41"/>
      <c r="BM3" s="41"/>
      <c r="BN3" s="41"/>
      <c r="BO3" s="41"/>
      <c r="BP3" s="41"/>
      <c r="BQ3" s="41"/>
      <c r="BR3" s="41"/>
      <c r="BS3" s="41"/>
      <c r="BT3" s="41"/>
      <c r="BU3" s="41"/>
      <c r="BV3" s="41"/>
      <c r="BW3" s="41"/>
      <c r="BX3" s="41"/>
      <c r="BY3" s="41"/>
      <c r="BZ3" s="41"/>
      <c r="CA3" s="41"/>
      <c r="CB3" s="41"/>
      <c r="CC3" s="41"/>
      <c r="CD3" s="41"/>
      <c r="CE3" s="41"/>
      <c r="CF3" s="41"/>
      <c r="CG3" s="41"/>
      <c r="CH3" s="41"/>
      <c r="CI3" s="41"/>
      <c r="CJ3" s="41"/>
      <c r="CK3" s="41"/>
      <c r="CL3" s="41"/>
      <c r="CM3" s="41"/>
      <c r="CN3" s="41"/>
      <c r="CO3" s="41"/>
      <c r="CP3" s="41"/>
      <c r="CQ3" s="41"/>
      <c r="CR3" s="41"/>
      <c r="CS3" s="41"/>
      <c r="CT3" s="41"/>
      <c r="CU3" s="41"/>
      <c r="CV3" s="41"/>
      <c r="CW3" s="41"/>
      <c r="CX3" s="41"/>
      <c r="CY3" s="41"/>
      <c r="CZ3" s="41"/>
      <c r="DA3" s="41"/>
      <c r="DB3" s="41"/>
      <c r="DC3" s="41"/>
      <c r="DD3" s="41"/>
      <c r="DE3" s="41"/>
      <c r="DF3" s="41"/>
      <c r="DG3" s="41"/>
      <c r="DH3" s="41"/>
      <c r="DI3" s="41"/>
      <c r="DJ3" s="41"/>
      <c r="DK3" s="41"/>
      <c r="DL3" s="41"/>
      <c r="DM3" s="41"/>
      <c r="DN3" s="41"/>
      <c r="DO3" s="41"/>
      <c r="DP3" s="41"/>
      <c r="DQ3" s="41"/>
      <c r="DR3" s="41"/>
      <c r="DS3" s="41"/>
      <c r="DT3" s="41"/>
      <c r="DU3" s="41"/>
      <c r="DV3" s="41"/>
      <c r="DW3" s="41"/>
      <c r="DX3" s="41"/>
      <c r="DY3" s="41"/>
      <c r="DZ3" s="41"/>
      <c r="EA3" s="41"/>
      <c r="EB3" s="41"/>
      <c r="EC3" s="41"/>
      <c r="ED3" s="41"/>
      <c r="EE3" s="41"/>
      <c r="EF3" s="41"/>
      <c r="EG3" s="41"/>
      <c r="EH3" s="41"/>
      <c r="EI3" s="41"/>
      <c r="EJ3" s="41"/>
      <c r="EK3" s="41"/>
      <c r="EL3" s="41"/>
      <c r="EM3" s="41"/>
      <c r="EN3" s="41"/>
      <c r="EO3" s="41"/>
      <c r="EP3" s="41"/>
      <c r="EQ3" s="41"/>
      <c r="ER3" s="41"/>
      <c r="ES3" s="41"/>
      <c r="ET3" s="41"/>
      <c r="EU3" s="41"/>
      <c r="EV3" s="41"/>
      <c r="EW3" s="41"/>
      <c r="EX3" s="41"/>
      <c r="EY3" s="41"/>
      <c r="EZ3" s="41"/>
      <c r="FA3" s="41"/>
      <c r="FB3" s="41"/>
      <c r="FC3" s="41"/>
      <c r="FD3" s="41"/>
      <c r="FE3" s="41"/>
      <c r="FF3" s="41"/>
      <c r="FG3" s="41"/>
      <c r="FH3" s="41"/>
      <c r="FI3" s="41"/>
      <c r="FJ3" s="41"/>
      <c r="FK3" s="41"/>
      <c r="FL3" s="41"/>
      <c r="FM3" s="41"/>
      <c r="FN3" s="41"/>
      <c r="FO3" s="41"/>
      <c r="FP3" s="41"/>
      <c r="FQ3" s="41"/>
      <c r="FR3" s="41"/>
      <c r="FS3" s="41"/>
      <c r="FT3" s="41"/>
      <c r="FU3" s="41"/>
      <c r="FV3" s="41"/>
      <c r="FW3" s="41"/>
      <c r="FX3" s="41"/>
      <c r="FY3" s="41"/>
      <c r="FZ3" s="41"/>
      <c r="GA3" s="41"/>
      <c r="GB3" s="41"/>
      <c r="GC3" s="41"/>
      <c r="GD3" s="41"/>
      <c r="GE3" s="41"/>
      <c r="GF3" s="41"/>
      <c r="GG3" s="41"/>
      <c r="GH3" s="41"/>
      <c r="GI3" s="41"/>
      <c r="GJ3" s="41"/>
      <c r="GK3" s="41"/>
      <c r="GL3" s="41"/>
      <c r="GM3" s="41"/>
      <c r="GN3" s="41"/>
      <c r="GO3" s="41"/>
      <c r="GP3" s="41"/>
      <c r="GQ3" s="41"/>
      <c r="GR3" s="41"/>
      <c r="GS3" s="41"/>
      <c r="GT3" s="41"/>
      <c r="GU3" s="41"/>
      <c r="GV3" s="41"/>
      <c r="GW3" s="41"/>
      <c r="GX3" s="41"/>
      <c r="GY3" s="41"/>
      <c r="GZ3" s="41"/>
      <c r="HA3" s="41"/>
      <c r="HB3" s="41"/>
      <c r="HC3" s="41"/>
      <c r="HD3" s="41"/>
      <c r="HE3" s="41"/>
      <c r="HF3" s="41"/>
      <c r="HG3" s="41"/>
      <c r="HH3" s="41"/>
      <c r="HI3" s="41"/>
      <c r="HJ3" s="41"/>
      <c r="HK3" s="41"/>
      <c r="HL3" s="41"/>
      <c r="HM3" s="41"/>
      <c r="HN3" s="41"/>
      <c r="HO3" s="41"/>
      <c r="HP3" s="41"/>
      <c r="HQ3" s="41"/>
      <c r="HR3" s="41"/>
      <c r="HS3" s="41"/>
      <c r="HT3" s="41"/>
      <c r="HU3" s="41"/>
      <c r="HV3" s="41"/>
      <c r="HW3" s="41"/>
      <c r="HX3" s="41"/>
      <c r="HY3" s="41"/>
      <c r="HZ3" s="41"/>
      <c r="IA3" s="41"/>
      <c r="IB3" s="41"/>
      <c r="IC3" s="41"/>
      <c r="ID3" s="41"/>
      <c r="IE3" s="41"/>
      <c r="IF3" s="41"/>
      <c r="IG3" s="41"/>
      <c r="IH3" s="41"/>
      <c r="II3" s="41"/>
      <c r="IJ3" s="41"/>
      <c r="IK3" s="41"/>
      <c r="IL3" s="41"/>
      <c r="IM3" s="41"/>
      <c r="IN3" s="41"/>
      <c r="IO3" s="41"/>
      <c r="IP3" s="41"/>
      <c r="IQ3" s="41"/>
      <c r="IR3" s="41"/>
      <c r="IS3" s="41"/>
      <c r="IT3" s="41"/>
      <c r="IU3" s="41"/>
      <c r="IV3" s="41"/>
      <c r="IW3" s="41"/>
      <c r="IX3" s="41"/>
      <c r="IY3" s="41"/>
      <c r="IZ3" s="41"/>
      <c r="JA3" s="41"/>
      <c r="JB3" s="41"/>
      <c r="JC3" s="41"/>
      <c r="JD3" s="41"/>
      <c r="JE3" s="41"/>
      <c r="JF3" s="41"/>
      <c r="JG3" s="41"/>
      <c r="JH3" s="41"/>
      <c r="JI3" s="41"/>
      <c r="JJ3" s="41"/>
      <c r="JK3" s="41"/>
      <c r="JL3" s="41"/>
      <c r="JM3" s="41"/>
      <c r="JN3" s="41"/>
      <c r="JO3" s="41"/>
      <c r="JP3" s="41"/>
      <c r="JQ3" s="41"/>
      <c r="JR3" s="41"/>
      <c r="JS3" s="41"/>
      <c r="JT3" s="41"/>
      <c r="JU3" s="41"/>
      <c r="JV3" s="41"/>
      <c r="JW3" s="41"/>
      <c r="JX3" s="41"/>
      <c r="JY3" s="41"/>
      <c r="JZ3" s="41"/>
      <c r="KA3" s="41"/>
      <c r="KB3" s="41"/>
      <c r="KC3" s="41"/>
      <c r="KD3" s="41"/>
      <c r="KE3" s="41"/>
      <c r="KF3" s="41"/>
      <c r="KG3" s="41"/>
      <c r="KH3" s="41"/>
      <c r="KI3" s="41"/>
      <c r="KJ3" s="41"/>
      <c r="KK3" s="41"/>
      <c r="KL3" s="41"/>
      <c r="KM3" s="41"/>
      <c r="KN3" s="41"/>
      <c r="KO3" s="41"/>
      <c r="KP3" s="41"/>
      <c r="KQ3" s="41"/>
      <c r="KR3" s="41"/>
      <c r="KS3" s="41"/>
      <c r="KT3" s="41"/>
      <c r="KU3" s="41"/>
      <c r="KV3" s="41"/>
      <c r="KW3" s="41"/>
      <c r="KX3" s="41"/>
      <c r="KY3" s="41"/>
      <c r="KZ3" s="41"/>
      <c r="LA3" s="41"/>
      <c r="LB3" s="41"/>
      <c r="LC3" s="41"/>
      <c r="LD3" s="41"/>
      <c r="LE3" s="41"/>
      <c r="LF3" s="41"/>
      <c r="LG3" s="41"/>
      <c r="LH3" s="41"/>
      <c r="LI3" s="41"/>
      <c r="LJ3" s="41"/>
      <c r="LK3" s="41"/>
      <c r="LL3" s="41"/>
      <c r="LM3" s="41"/>
      <c r="LN3" s="41"/>
      <c r="LO3" s="41"/>
      <c r="LP3" s="41"/>
      <c r="LQ3" s="41"/>
      <c r="LR3" s="41"/>
      <c r="LS3" s="41"/>
      <c r="LT3" s="41"/>
      <c r="LU3" s="41"/>
      <c r="LV3" s="41"/>
      <c r="LW3" s="41"/>
      <c r="LX3" s="41"/>
      <c r="LY3" s="41"/>
      <c r="LZ3" s="41"/>
      <c r="MA3" s="41"/>
      <c r="MB3" s="41"/>
      <c r="MC3" s="41"/>
      <c r="MD3" s="41"/>
      <c r="ME3" s="41"/>
      <c r="MF3" s="41"/>
      <c r="MG3" s="41"/>
      <c r="MH3" s="41"/>
      <c r="MI3" s="41"/>
      <c r="MJ3" s="41"/>
      <c r="MK3" s="41"/>
      <c r="ML3" s="41"/>
      <c r="MM3" s="41"/>
      <c r="MN3" s="41"/>
      <c r="MO3" s="41"/>
      <c r="MP3" s="41"/>
      <c r="MQ3" s="41"/>
      <c r="MR3" s="41"/>
      <c r="MS3" s="41"/>
      <c r="MT3" s="41"/>
      <c r="MU3" s="41"/>
      <c r="MV3" s="41"/>
      <c r="MW3" s="41"/>
      <c r="MX3" s="41"/>
      <c r="MY3" s="41"/>
      <c r="MZ3" s="41"/>
      <c r="NA3" s="41"/>
      <c r="NB3" s="41"/>
      <c r="NC3" s="41"/>
      <c r="ND3" s="41"/>
      <c r="NE3" s="41"/>
      <c r="NF3" s="41"/>
      <c r="NG3" s="41"/>
      <c r="NH3" s="41"/>
      <c r="NI3" s="41"/>
      <c r="NJ3" s="41"/>
      <c r="NK3" s="41"/>
      <c r="NL3" s="41"/>
      <c r="NM3" s="41"/>
      <c r="NN3" s="41"/>
      <c r="NO3" s="41"/>
      <c r="NP3" s="41"/>
      <c r="NQ3" s="41"/>
      <c r="NR3" s="41"/>
      <c r="NS3" s="41"/>
      <c r="NT3" s="41"/>
      <c r="NU3" s="41"/>
      <c r="NV3" s="41"/>
      <c r="NW3" s="41"/>
      <c r="NX3" s="41"/>
      <c r="NY3" s="41"/>
      <c r="NZ3" s="41"/>
      <c r="OA3" s="41"/>
      <c r="OB3" s="41"/>
      <c r="OC3" s="41"/>
      <c r="OD3" s="41"/>
      <c r="OE3" s="41"/>
      <c r="OF3" s="41"/>
      <c r="OG3" s="41"/>
      <c r="OH3" s="41"/>
      <c r="OI3" s="41"/>
      <c r="OJ3" s="41"/>
      <c r="OK3" s="41"/>
      <c r="OL3" s="41"/>
      <c r="OM3" s="41"/>
      <c r="ON3" s="41"/>
      <c r="OO3" s="41"/>
      <c r="OP3" s="41"/>
      <c r="OQ3" s="41"/>
      <c r="OR3" s="41"/>
      <c r="OS3" s="41"/>
      <c r="OT3" s="41"/>
      <c r="OU3" s="41"/>
      <c r="OV3" s="41"/>
      <c r="OW3" s="41"/>
      <c r="OX3" s="41"/>
      <c r="OY3" s="41"/>
      <c r="OZ3" s="41"/>
      <c r="PA3" s="41"/>
      <c r="PB3" s="41"/>
      <c r="PC3" s="41"/>
      <c r="PD3" s="41"/>
      <c r="PE3" s="41"/>
      <c r="PF3" s="41"/>
      <c r="PG3" s="41"/>
      <c r="PH3" s="41"/>
      <c r="PI3" s="41"/>
      <c r="PJ3" s="41"/>
      <c r="PK3" s="41"/>
      <c r="PL3" s="41"/>
      <c r="PM3" s="41"/>
      <c r="PN3" s="41"/>
      <c r="PO3" s="41"/>
      <c r="PP3" s="41"/>
      <c r="PQ3" s="41"/>
      <c r="PR3" s="41"/>
      <c r="PS3" s="41"/>
      <c r="PT3" s="41"/>
      <c r="PU3" s="41"/>
      <c r="PV3" s="41"/>
      <c r="PW3" s="41"/>
      <c r="PX3" s="41"/>
      <c r="PY3" s="41"/>
      <c r="PZ3" s="41"/>
      <c r="QA3" s="41"/>
      <c r="QB3" s="41"/>
      <c r="QC3" s="41"/>
      <c r="QD3" s="41"/>
      <c r="QE3" s="41"/>
      <c r="QF3" s="41"/>
      <c r="QG3" s="41"/>
      <c r="QH3" s="41"/>
      <c r="QI3" s="41"/>
      <c r="QJ3" s="41"/>
      <c r="QK3" s="41"/>
      <c r="QL3" s="41"/>
      <c r="QM3" s="41"/>
      <c r="QN3" s="41"/>
      <c r="QO3" s="41"/>
      <c r="QP3" s="41"/>
      <c r="QQ3" s="41"/>
      <c r="QR3" s="41"/>
      <c r="QS3" s="41"/>
      <c r="QT3" s="41"/>
      <c r="QU3" s="41"/>
      <c r="QV3" s="41"/>
      <c r="QW3" s="41"/>
      <c r="QX3" s="41"/>
      <c r="QY3" s="41"/>
      <c r="QZ3" s="41"/>
      <c r="RA3" s="41"/>
      <c r="RB3" s="41"/>
      <c r="RC3" s="41"/>
      <c r="RD3" s="41"/>
      <c r="RE3" s="41"/>
      <c r="RF3" s="41"/>
      <c r="RG3" s="41"/>
      <c r="RH3" s="41"/>
      <c r="RI3" s="41"/>
      <c r="RJ3" s="41"/>
      <c r="RK3" s="41"/>
      <c r="RL3" s="41"/>
      <c r="RM3" s="41"/>
      <c r="RN3" s="41"/>
      <c r="RO3" s="41"/>
      <c r="RP3" s="41"/>
      <c r="RQ3" s="41"/>
      <c r="RR3" s="41"/>
      <c r="RS3" s="41"/>
      <c r="RT3" s="41"/>
      <c r="RU3" s="41"/>
      <c r="RV3" s="41"/>
      <c r="RW3" s="41"/>
      <c r="RX3" s="41"/>
      <c r="RY3" s="41"/>
      <c r="RZ3" s="41"/>
      <c r="SA3" s="41"/>
      <c r="SB3" s="41"/>
      <c r="SC3" s="41"/>
      <c r="SD3" s="41"/>
      <c r="SE3" s="41"/>
      <c r="SF3" s="41"/>
      <c r="SG3" s="41"/>
      <c r="SH3" s="41"/>
      <c r="SI3" s="41"/>
      <c r="SJ3" s="41"/>
      <c r="SK3" s="41"/>
      <c r="SL3" s="41"/>
      <c r="SM3" s="41"/>
      <c r="SN3" s="41"/>
      <c r="SO3" s="41"/>
      <c r="SP3" s="41"/>
      <c r="SQ3" s="41"/>
      <c r="SR3" s="41"/>
      <c r="SS3" s="41"/>
      <c r="ST3" s="41"/>
      <c r="SU3" s="41"/>
      <c r="SV3" s="41"/>
      <c r="SW3" s="41"/>
      <c r="SX3" s="41"/>
      <c r="SY3" s="41"/>
      <c r="SZ3" s="41"/>
      <c r="TA3" s="41"/>
      <c r="TB3" s="41"/>
      <c r="TC3" s="41"/>
      <c r="TD3" s="41"/>
      <c r="TE3" s="41"/>
      <c r="TF3" s="41"/>
      <c r="TG3" s="41"/>
      <c r="TH3" s="41"/>
      <c r="TI3" s="41"/>
      <c r="TJ3" s="41"/>
      <c r="TK3" s="41"/>
      <c r="TL3" s="41"/>
      <c r="TM3" s="41"/>
      <c r="TN3" s="41"/>
      <c r="TO3" s="41"/>
      <c r="TP3" s="41"/>
      <c r="TQ3" s="41"/>
      <c r="TR3" s="41"/>
      <c r="TS3" s="41"/>
      <c r="TT3" s="41"/>
      <c r="TU3" s="41"/>
      <c r="TV3" s="41"/>
      <c r="TW3" s="41"/>
      <c r="TX3" s="41"/>
      <c r="TY3" s="41"/>
      <c r="TZ3" s="41"/>
      <c r="UA3" s="41"/>
      <c r="UB3" s="41"/>
      <c r="UC3" s="41"/>
      <c r="UD3" s="41"/>
      <c r="UE3" s="41"/>
      <c r="UF3" s="41"/>
      <c r="UG3" s="41"/>
      <c r="UH3" s="41"/>
      <c r="UI3" s="41"/>
      <c r="UJ3" s="41"/>
      <c r="UK3" s="41"/>
      <c r="UL3" s="41"/>
      <c r="UM3" s="41"/>
      <c r="UN3" s="41"/>
      <c r="UO3" s="41"/>
      <c r="UP3" s="41"/>
      <c r="UQ3" s="41"/>
      <c r="UR3" s="41"/>
      <c r="US3" s="41"/>
      <c r="UT3" s="41"/>
      <c r="UU3" s="41"/>
      <c r="UV3" s="41"/>
      <c r="UW3" s="41"/>
      <c r="UX3" s="41"/>
      <c r="UY3" s="41"/>
      <c r="UZ3" s="41"/>
      <c r="VA3" s="41"/>
      <c r="VB3" s="41"/>
      <c r="VC3" s="41"/>
      <c r="VD3" s="41"/>
      <c r="VE3" s="41"/>
      <c r="VF3" s="41"/>
      <c r="VG3" s="41"/>
      <c r="VH3" s="41"/>
      <c r="VI3" s="41"/>
      <c r="VJ3" s="41"/>
      <c r="VK3" s="41"/>
      <c r="VL3" s="41"/>
      <c r="VM3" s="41"/>
      <c r="VN3" s="41"/>
      <c r="VO3" s="41"/>
      <c r="VP3" s="41"/>
      <c r="VQ3" s="41"/>
      <c r="VR3" s="41"/>
      <c r="VS3" s="41"/>
      <c r="VT3" s="41"/>
      <c r="VU3" s="41"/>
      <c r="VV3" s="41"/>
      <c r="VW3" s="41"/>
      <c r="VX3" s="41"/>
      <c r="VY3" s="41"/>
      <c r="VZ3" s="41"/>
      <c r="WA3" s="41"/>
      <c r="WB3" s="41"/>
      <c r="WC3" s="41"/>
      <c r="WD3" s="41"/>
      <c r="WE3" s="41"/>
      <c r="WF3" s="41"/>
      <c r="WG3" s="41"/>
      <c r="WH3" s="41"/>
      <c r="WI3" s="41"/>
      <c r="WJ3" s="41"/>
      <c r="WK3" s="41"/>
      <c r="WL3" s="41"/>
      <c r="WM3" s="41"/>
      <c r="WN3" s="41"/>
    </row>
    <row r="4" spans="1:612" ht="17.25" customHeight="1">
      <c r="F4" s="22"/>
      <c r="G4" s="98"/>
      <c r="H4" s="98"/>
      <c r="I4" s="23"/>
      <c r="K4" s="78" t="s">
        <v>18</v>
      </c>
      <c r="L4" s="60"/>
      <c r="M4" s="24"/>
      <c r="N4" s="24"/>
      <c r="O4" s="24"/>
      <c r="P4" s="25"/>
      <c r="Q4" s="25"/>
      <c r="R4" s="41"/>
      <c r="S4" s="41"/>
      <c r="T4" s="41"/>
      <c r="U4" s="79"/>
      <c r="V4" s="41"/>
      <c r="W4" s="94"/>
      <c r="X4" s="94"/>
      <c r="Y4" s="94"/>
      <c r="Z4" s="94"/>
      <c r="AA4" s="94"/>
      <c r="AB4" s="41"/>
      <c r="AC4" s="41"/>
      <c r="AD4" s="41"/>
      <c r="AE4" s="41"/>
      <c r="AF4" s="41"/>
      <c r="AG4" s="53"/>
      <c r="AH4" s="53"/>
      <c r="AI4" s="53"/>
      <c r="AJ4" s="53"/>
      <c r="AK4" s="53"/>
      <c r="AL4" s="53"/>
      <c r="AM4" s="41"/>
      <c r="AN4" s="41"/>
      <c r="AO4" s="41"/>
      <c r="AP4" s="41"/>
      <c r="AQ4" s="41"/>
      <c r="AR4" s="41"/>
      <c r="AS4" s="41"/>
      <c r="AT4" s="41"/>
      <c r="AU4" s="41"/>
      <c r="AV4" s="41"/>
      <c r="AW4" s="41"/>
      <c r="AX4" s="41"/>
      <c r="AY4" s="41"/>
      <c r="AZ4" s="41"/>
      <c r="BA4" s="41"/>
      <c r="BB4" s="41"/>
      <c r="BC4" s="41"/>
      <c r="BD4" s="41"/>
      <c r="BE4" s="41"/>
      <c r="BF4" s="41"/>
      <c r="BG4" s="41"/>
      <c r="BH4" s="41"/>
      <c r="BI4" s="41"/>
      <c r="BJ4" s="41"/>
      <c r="BK4" s="41"/>
      <c r="BL4" s="41"/>
      <c r="BM4" s="41"/>
      <c r="BN4" s="41"/>
      <c r="BO4" s="41"/>
      <c r="BP4" s="41"/>
      <c r="BQ4" s="41"/>
      <c r="BR4" s="41"/>
      <c r="BS4" s="41"/>
      <c r="BT4" s="41"/>
      <c r="BU4" s="41"/>
      <c r="BV4" s="41"/>
      <c r="BW4" s="41"/>
      <c r="BX4" s="41"/>
      <c r="BY4" s="41"/>
      <c r="BZ4" s="41"/>
      <c r="CA4" s="41"/>
      <c r="CB4" s="41"/>
      <c r="CC4" s="41"/>
      <c r="CD4" s="41"/>
      <c r="CE4" s="41"/>
      <c r="CF4" s="41"/>
      <c r="CG4" s="41"/>
      <c r="CH4" s="41"/>
      <c r="CI4" s="41"/>
      <c r="CJ4" s="41"/>
      <c r="CK4" s="41"/>
      <c r="CL4" s="41"/>
      <c r="CM4" s="41"/>
      <c r="CN4" s="41"/>
      <c r="CO4" s="41"/>
      <c r="CP4" s="41"/>
      <c r="CQ4" s="41"/>
      <c r="CR4" s="41"/>
      <c r="CS4" s="41"/>
      <c r="CT4" s="41"/>
      <c r="CU4" s="41"/>
      <c r="CV4" s="41"/>
      <c r="CW4" s="41"/>
      <c r="CX4" s="41"/>
      <c r="CY4" s="41"/>
      <c r="CZ4" s="41"/>
      <c r="DA4" s="41"/>
      <c r="DB4" s="41"/>
      <c r="DC4" s="41"/>
      <c r="DD4" s="41"/>
      <c r="DE4" s="41"/>
      <c r="DF4" s="41"/>
      <c r="DG4" s="41"/>
      <c r="DH4" s="41"/>
      <c r="DI4" s="41"/>
      <c r="DJ4" s="41"/>
      <c r="DK4" s="41"/>
      <c r="DL4" s="41"/>
      <c r="DM4" s="41"/>
      <c r="DN4" s="41"/>
      <c r="DO4" s="41"/>
      <c r="DP4" s="41"/>
      <c r="DQ4" s="41"/>
      <c r="DR4" s="41"/>
      <c r="DS4" s="41"/>
      <c r="DT4" s="41"/>
      <c r="DU4" s="41"/>
      <c r="DV4" s="41"/>
      <c r="DW4" s="41"/>
      <c r="DX4" s="41"/>
      <c r="DY4" s="41"/>
      <c r="DZ4" s="41"/>
      <c r="EA4" s="41"/>
      <c r="EB4" s="41"/>
      <c r="EC4" s="41"/>
      <c r="ED4" s="41"/>
      <c r="EE4" s="41"/>
      <c r="EF4" s="41"/>
      <c r="EG4" s="41"/>
      <c r="EH4" s="41"/>
      <c r="EI4" s="41"/>
      <c r="EJ4" s="41"/>
      <c r="EK4" s="41"/>
      <c r="EL4" s="41"/>
      <c r="EM4" s="41"/>
      <c r="EN4" s="41"/>
      <c r="EO4" s="41"/>
      <c r="EP4" s="41"/>
      <c r="EQ4" s="41"/>
      <c r="ER4" s="41"/>
      <c r="ES4" s="41"/>
      <c r="ET4" s="41"/>
      <c r="EU4" s="41"/>
      <c r="EV4" s="41"/>
      <c r="EW4" s="41"/>
      <c r="EX4" s="41"/>
      <c r="EY4" s="41"/>
      <c r="EZ4" s="41"/>
      <c r="FA4" s="41"/>
      <c r="FB4" s="41"/>
      <c r="FC4" s="41"/>
      <c r="FD4" s="41"/>
      <c r="FE4" s="41"/>
      <c r="FF4" s="41"/>
      <c r="FG4" s="41"/>
      <c r="FH4" s="41"/>
      <c r="FI4" s="41"/>
      <c r="FJ4" s="41"/>
      <c r="FK4" s="41"/>
      <c r="FL4" s="41"/>
      <c r="FM4" s="41"/>
      <c r="FN4" s="41"/>
      <c r="FO4" s="41"/>
      <c r="FP4" s="41"/>
      <c r="FQ4" s="41"/>
      <c r="FR4" s="41"/>
      <c r="FS4" s="41"/>
      <c r="FT4" s="41"/>
      <c r="FU4" s="41"/>
      <c r="FV4" s="41"/>
      <c r="FW4" s="41"/>
      <c r="FX4" s="41"/>
      <c r="FY4" s="41"/>
      <c r="FZ4" s="41"/>
      <c r="GA4" s="41"/>
      <c r="GB4" s="41"/>
      <c r="GC4" s="41"/>
      <c r="GD4" s="41"/>
      <c r="GE4" s="41"/>
      <c r="GF4" s="41"/>
      <c r="GG4" s="41"/>
      <c r="GH4" s="41"/>
      <c r="GI4" s="41"/>
      <c r="GJ4" s="41"/>
      <c r="GK4" s="41"/>
      <c r="GL4" s="41"/>
      <c r="GM4" s="41"/>
      <c r="GN4" s="41"/>
      <c r="GO4" s="41"/>
      <c r="GP4" s="41"/>
      <c r="GQ4" s="41"/>
      <c r="GR4" s="41"/>
      <c r="GS4" s="41"/>
      <c r="GT4" s="41"/>
      <c r="GU4" s="41"/>
      <c r="GV4" s="41"/>
      <c r="GW4" s="41"/>
      <c r="GX4" s="41"/>
      <c r="GY4" s="41"/>
      <c r="GZ4" s="41"/>
      <c r="HA4" s="41"/>
      <c r="HB4" s="41"/>
      <c r="HC4" s="41"/>
      <c r="HD4" s="41"/>
      <c r="HE4" s="41"/>
      <c r="HF4" s="41"/>
      <c r="HG4" s="41"/>
      <c r="HH4" s="41"/>
      <c r="HI4" s="41"/>
      <c r="HJ4" s="41"/>
      <c r="HK4" s="41"/>
      <c r="HL4" s="41"/>
      <c r="HM4" s="41"/>
      <c r="HN4" s="41"/>
      <c r="HO4" s="41"/>
      <c r="HP4" s="41"/>
      <c r="HQ4" s="41"/>
      <c r="HR4" s="41"/>
      <c r="HS4" s="41"/>
      <c r="HT4" s="41"/>
      <c r="HU4" s="41"/>
      <c r="HV4" s="41"/>
      <c r="HW4" s="41"/>
      <c r="HX4" s="41"/>
      <c r="HY4" s="41"/>
      <c r="HZ4" s="41"/>
      <c r="IA4" s="41"/>
      <c r="IB4" s="41"/>
      <c r="IC4" s="41"/>
      <c r="ID4" s="41"/>
      <c r="IE4" s="41"/>
      <c r="IF4" s="41"/>
      <c r="IG4" s="41"/>
      <c r="IH4" s="41"/>
      <c r="II4" s="41"/>
      <c r="IJ4" s="41"/>
      <c r="IK4" s="41"/>
      <c r="IL4" s="41"/>
      <c r="IM4" s="41"/>
      <c r="IN4" s="41"/>
      <c r="IO4" s="41"/>
      <c r="IP4" s="41"/>
      <c r="IQ4" s="41"/>
      <c r="IR4" s="41"/>
      <c r="IS4" s="41"/>
      <c r="IT4" s="41"/>
      <c r="IU4" s="41"/>
      <c r="IV4" s="41"/>
      <c r="IW4" s="41"/>
      <c r="IX4" s="41"/>
      <c r="IY4" s="41"/>
      <c r="IZ4" s="41"/>
      <c r="JA4" s="41"/>
      <c r="JB4" s="41"/>
      <c r="JC4" s="41"/>
      <c r="JD4" s="41"/>
      <c r="JE4" s="41"/>
      <c r="JF4" s="41"/>
      <c r="JG4" s="41"/>
      <c r="JH4" s="41"/>
      <c r="JI4" s="41"/>
      <c r="JJ4" s="41"/>
      <c r="JK4" s="41"/>
      <c r="JL4" s="41"/>
      <c r="JM4" s="41"/>
      <c r="JN4" s="41"/>
      <c r="JO4" s="41"/>
      <c r="JP4" s="41"/>
      <c r="JQ4" s="41"/>
      <c r="JR4" s="41"/>
      <c r="JS4" s="41"/>
      <c r="JT4" s="41"/>
      <c r="JU4" s="41"/>
      <c r="JV4" s="41"/>
      <c r="JW4" s="41"/>
      <c r="JX4" s="41"/>
      <c r="JY4" s="41"/>
      <c r="JZ4" s="41"/>
      <c r="KA4" s="41"/>
      <c r="KB4" s="41"/>
      <c r="KC4" s="41"/>
      <c r="KD4" s="41"/>
      <c r="KE4" s="41"/>
      <c r="KF4" s="41"/>
      <c r="KG4" s="41"/>
      <c r="KH4" s="41"/>
      <c r="KI4" s="41"/>
      <c r="KJ4" s="41"/>
      <c r="KK4" s="41"/>
      <c r="KL4" s="41"/>
      <c r="KM4" s="41"/>
      <c r="KN4" s="41"/>
      <c r="KO4" s="41"/>
      <c r="KP4" s="41"/>
      <c r="KQ4" s="41"/>
      <c r="KR4" s="41"/>
      <c r="KS4" s="41"/>
      <c r="KT4" s="41"/>
      <c r="KU4" s="41"/>
      <c r="KV4" s="41"/>
      <c r="KW4" s="41"/>
      <c r="KX4" s="41"/>
      <c r="KY4" s="41"/>
      <c r="KZ4" s="41"/>
      <c r="LA4" s="41"/>
      <c r="LB4" s="41"/>
      <c r="LC4" s="41"/>
      <c r="LD4" s="41"/>
      <c r="LE4" s="41"/>
      <c r="LF4" s="41"/>
      <c r="LG4" s="41"/>
      <c r="LH4" s="41"/>
      <c r="LI4" s="41"/>
      <c r="LJ4" s="41"/>
      <c r="LK4" s="41"/>
      <c r="LL4" s="41"/>
      <c r="LM4" s="41"/>
      <c r="LN4" s="41"/>
      <c r="LO4" s="41"/>
      <c r="LP4" s="41"/>
      <c r="LQ4" s="41"/>
      <c r="LR4" s="41"/>
      <c r="LS4" s="41"/>
      <c r="LT4" s="41"/>
      <c r="LU4" s="41"/>
      <c r="LV4" s="41"/>
      <c r="LW4" s="41"/>
      <c r="LX4" s="41"/>
      <c r="LY4" s="41"/>
      <c r="LZ4" s="41"/>
      <c r="MA4" s="41"/>
      <c r="MB4" s="41"/>
      <c r="MC4" s="41"/>
      <c r="MD4" s="41"/>
      <c r="ME4" s="41"/>
      <c r="MF4" s="41"/>
      <c r="MG4" s="41"/>
      <c r="MH4" s="41"/>
      <c r="MI4" s="41"/>
      <c r="MJ4" s="41"/>
      <c r="MK4" s="41"/>
      <c r="ML4" s="41"/>
      <c r="MM4" s="41"/>
      <c r="MN4" s="41"/>
      <c r="MO4" s="41"/>
      <c r="MP4" s="41"/>
      <c r="MQ4" s="41"/>
      <c r="MR4" s="41"/>
      <c r="MS4" s="41"/>
      <c r="MT4" s="41"/>
      <c r="MU4" s="41"/>
      <c r="MV4" s="41"/>
      <c r="MW4" s="41"/>
      <c r="MX4" s="41"/>
      <c r="MY4" s="41"/>
      <c r="MZ4" s="41"/>
      <c r="NA4" s="41"/>
      <c r="NB4" s="41"/>
      <c r="NC4" s="41"/>
      <c r="ND4" s="41"/>
      <c r="NE4" s="41"/>
      <c r="NF4" s="41"/>
      <c r="NG4" s="41"/>
      <c r="NH4" s="41"/>
      <c r="NI4" s="41"/>
      <c r="NJ4" s="41"/>
      <c r="NK4" s="41"/>
      <c r="NL4" s="41"/>
      <c r="NM4" s="41"/>
      <c r="NN4" s="41"/>
      <c r="NO4" s="41"/>
      <c r="NP4" s="41"/>
      <c r="NQ4" s="41"/>
      <c r="NR4" s="41"/>
      <c r="NS4" s="41"/>
      <c r="NT4" s="41"/>
      <c r="NU4" s="41"/>
      <c r="NV4" s="41"/>
      <c r="NW4" s="41"/>
      <c r="NX4" s="41"/>
      <c r="NY4" s="41"/>
      <c r="NZ4" s="41"/>
      <c r="OA4" s="41"/>
      <c r="OB4" s="41"/>
      <c r="OC4" s="41"/>
      <c r="OD4" s="41"/>
      <c r="OE4" s="41"/>
      <c r="OF4" s="41"/>
      <c r="OG4" s="41"/>
      <c r="OH4" s="41"/>
      <c r="OI4" s="41"/>
      <c r="OJ4" s="41"/>
      <c r="OK4" s="41"/>
      <c r="OL4" s="41"/>
      <c r="OM4" s="41"/>
      <c r="ON4" s="41"/>
      <c r="OO4" s="41"/>
      <c r="OP4" s="41"/>
      <c r="OQ4" s="41"/>
      <c r="OR4" s="41"/>
      <c r="OS4" s="41"/>
      <c r="OT4" s="41"/>
      <c r="OU4" s="41"/>
      <c r="OV4" s="41"/>
      <c r="OW4" s="41"/>
      <c r="OX4" s="41"/>
      <c r="OY4" s="41"/>
      <c r="OZ4" s="41"/>
      <c r="PA4" s="41"/>
      <c r="PB4" s="41"/>
      <c r="PC4" s="41"/>
      <c r="PD4" s="41"/>
      <c r="PE4" s="41"/>
      <c r="PF4" s="41"/>
      <c r="PG4" s="41"/>
      <c r="PH4" s="41"/>
      <c r="PI4" s="41"/>
      <c r="PJ4" s="41"/>
      <c r="PK4" s="41"/>
      <c r="PL4" s="41"/>
      <c r="PM4" s="41"/>
      <c r="PN4" s="41"/>
      <c r="PO4" s="41"/>
      <c r="PP4" s="41"/>
      <c r="PQ4" s="41"/>
      <c r="PR4" s="41"/>
      <c r="PS4" s="41"/>
      <c r="PT4" s="41"/>
      <c r="PU4" s="41"/>
      <c r="PV4" s="41"/>
      <c r="PW4" s="41"/>
      <c r="PX4" s="41"/>
      <c r="PY4" s="41"/>
      <c r="PZ4" s="41"/>
      <c r="QA4" s="41"/>
      <c r="QB4" s="41"/>
      <c r="QC4" s="41"/>
      <c r="QD4" s="41"/>
      <c r="QE4" s="41"/>
      <c r="QF4" s="41"/>
      <c r="QG4" s="41"/>
      <c r="QH4" s="41"/>
      <c r="QI4" s="41"/>
      <c r="QJ4" s="41"/>
      <c r="QK4" s="41"/>
      <c r="QL4" s="41"/>
      <c r="QM4" s="41"/>
      <c r="QN4" s="41"/>
      <c r="QO4" s="41"/>
      <c r="QP4" s="41"/>
      <c r="QQ4" s="41"/>
      <c r="QR4" s="41"/>
      <c r="QS4" s="41"/>
      <c r="QT4" s="41"/>
      <c r="QU4" s="41"/>
      <c r="QV4" s="41"/>
      <c r="QW4" s="41"/>
      <c r="QX4" s="41"/>
      <c r="QY4" s="41"/>
      <c r="QZ4" s="41"/>
      <c r="RA4" s="41"/>
      <c r="RB4" s="41"/>
      <c r="RC4" s="41"/>
      <c r="RD4" s="41"/>
      <c r="RE4" s="41"/>
      <c r="RF4" s="41"/>
      <c r="RG4" s="41"/>
      <c r="RH4" s="41"/>
      <c r="RI4" s="41"/>
      <c r="RJ4" s="41"/>
      <c r="RK4" s="41"/>
      <c r="RL4" s="41"/>
      <c r="RM4" s="41"/>
      <c r="RN4" s="41"/>
      <c r="RO4" s="41"/>
      <c r="RP4" s="41"/>
      <c r="RQ4" s="41"/>
      <c r="RR4" s="41"/>
      <c r="RS4" s="41"/>
      <c r="RT4" s="41"/>
      <c r="RU4" s="41"/>
      <c r="RV4" s="41"/>
      <c r="RW4" s="41"/>
      <c r="RX4" s="41"/>
      <c r="RY4" s="41"/>
      <c r="RZ4" s="41"/>
      <c r="SA4" s="41"/>
      <c r="SB4" s="41"/>
      <c r="SC4" s="41"/>
      <c r="SD4" s="41"/>
      <c r="SE4" s="41"/>
      <c r="SF4" s="41"/>
      <c r="SG4" s="41"/>
      <c r="SH4" s="41"/>
      <c r="SI4" s="41"/>
      <c r="SJ4" s="41"/>
      <c r="SK4" s="41"/>
      <c r="SL4" s="41"/>
      <c r="SM4" s="41"/>
      <c r="SN4" s="41"/>
      <c r="SO4" s="41"/>
      <c r="SP4" s="41"/>
      <c r="SQ4" s="41"/>
      <c r="SR4" s="41"/>
      <c r="SS4" s="41"/>
      <c r="ST4" s="41"/>
      <c r="SU4" s="41"/>
      <c r="SV4" s="41"/>
      <c r="SW4" s="41"/>
      <c r="SX4" s="41"/>
      <c r="SY4" s="41"/>
      <c r="SZ4" s="41"/>
      <c r="TA4" s="41"/>
      <c r="TB4" s="41"/>
      <c r="TC4" s="41"/>
      <c r="TD4" s="41"/>
      <c r="TE4" s="41"/>
      <c r="TF4" s="41"/>
      <c r="TG4" s="41"/>
      <c r="TH4" s="41"/>
      <c r="TI4" s="41"/>
      <c r="TJ4" s="41"/>
      <c r="TK4" s="41"/>
      <c r="TL4" s="41"/>
      <c r="TM4" s="41"/>
      <c r="TN4" s="41"/>
      <c r="TO4" s="41"/>
      <c r="TP4" s="41"/>
      <c r="TQ4" s="41"/>
      <c r="TR4" s="41"/>
      <c r="TS4" s="41"/>
      <c r="TT4" s="41"/>
      <c r="TU4" s="41"/>
      <c r="TV4" s="41"/>
      <c r="TW4" s="41"/>
      <c r="TX4" s="41"/>
      <c r="TY4" s="41"/>
      <c r="TZ4" s="41"/>
      <c r="UA4" s="41"/>
      <c r="UB4" s="41"/>
      <c r="UC4" s="41"/>
      <c r="UD4" s="41"/>
      <c r="UE4" s="41"/>
      <c r="UF4" s="41"/>
      <c r="UG4" s="41"/>
      <c r="UH4" s="41"/>
      <c r="UI4" s="41"/>
      <c r="UJ4" s="41"/>
      <c r="UK4" s="41"/>
      <c r="UL4" s="41"/>
      <c r="UM4" s="41"/>
      <c r="UN4" s="41"/>
      <c r="UO4" s="41"/>
      <c r="UP4" s="41"/>
      <c r="UQ4" s="41"/>
      <c r="UR4" s="41"/>
      <c r="US4" s="41"/>
      <c r="UT4" s="41"/>
      <c r="UU4" s="41"/>
      <c r="UV4" s="41"/>
      <c r="UW4" s="41"/>
      <c r="UX4" s="41"/>
      <c r="UY4" s="41"/>
      <c r="UZ4" s="41"/>
      <c r="VA4" s="41"/>
      <c r="VB4" s="41"/>
      <c r="VC4" s="41"/>
      <c r="VD4" s="41"/>
      <c r="VE4" s="41"/>
      <c r="VF4" s="41"/>
      <c r="VG4" s="41"/>
      <c r="VH4" s="41"/>
      <c r="VI4" s="41"/>
      <c r="VJ4" s="41"/>
      <c r="VK4" s="41"/>
      <c r="VL4" s="41"/>
      <c r="VM4" s="41"/>
      <c r="VN4" s="41"/>
      <c r="VO4" s="41"/>
      <c r="VP4" s="41"/>
      <c r="VQ4" s="41"/>
      <c r="VR4" s="41"/>
      <c r="VS4" s="41"/>
      <c r="VT4" s="41"/>
      <c r="VU4" s="41"/>
      <c r="VV4" s="41"/>
      <c r="VW4" s="41"/>
      <c r="VX4" s="41"/>
      <c r="VY4" s="41"/>
      <c r="VZ4" s="41"/>
      <c r="WA4" s="41"/>
      <c r="WB4" s="41"/>
      <c r="WC4" s="41"/>
      <c r="WD4" s="41"/>
      <c r="WE4" s="41"/>
      <c r="WF4" s="41"/>
      <c r="WG4" s="41"/>
      <c r="WH4" s="41"/>
      <c r="WI4" s="41"/>
      <c r="WJ4" s="41"/>
      <c r="WK4" s="41"/>
      <c r="WL4" s="41"/>
      <c r="WM4" s="41"/>
      <c r="WN4" s="41"/>
    </row>
    <row r="5" spans="1:612" ht="27.75" customHeight="1" thickBot="1">
      <c r="F5" s="26"/>
      <c r="G5" s="27"/>
      <c r="H5" s="27"/>
      <c r="I5" s="28"/>
      <c r="J5" s="29"/>
      <c r="K5" s="23" t="s">
        <v>11</v>
      </c>
      <c r="L5" s="82"/>
      <c r="M5" s="24"/>
      <c r="N5" s="24"/>
      <c r="O5" s="24"/>
      <c r="P5" s="25"/>
      <c r="Q5" s="25"/>
      <c r="R5" s="41"/>
      <c r="S5" s="41"/>
      <c r="T5" s="41"/>
      <c r="U5" s="79"/>
      <c r="V5" s="41"/>
      <c r="W5" s="94"/>
      <c r="X5" s="94"/>
      <c r="Y5" s="94"/>
      <c r="Z5" s="94"/>
      <c r="AA5" s="94"/>
      <c r="AB5" s="41"/>
      <c r="AC5" s="41"/>
      <c r="AD5" s="41"/>
      <c r="AE5" s="41"/>
      <c r="AF5" s="41"/>
      <c r="AG5" s="87"/>
      <c r="AH5" s="87"/>
      <c r="AI5" s="87"/>
      <c r="AJ5" s="87"/>
      <c r="AK5" s="87"/>
      <c r="AL5" s="87"/>
      <c r="AM5" s="87"/>
      <c r="AN5" s="87"/>
      <c r="AO5" s="87"/>
      <c r="AP5" s="87"/>
      <c r="AQ5" s="87"/>
      <c r="AR5" s="87"/>
      <c r="AS5" s="87"/>
      <c r="AT5" s="87"/>
      <c r="AU5" s="41"/>
      <c r="AV5" s="41"/>
      <c r="AW5" s="41"/>
      <c r="AX5" s="41"/>
      <c r="AY5" s="41"/>
      <c r="AZ5" s="41"/>
      <c r="BA5" s="41"/>
      <c r="BB5" s="41"/>
      <c r="BC5" s="41"/>
      <c r="BD5" s="41"/>
      <c r="BE5" s="41"/>
      <c r="BF5" s="41"/>
      <c r="BG5" s="41"/>
      <c r="BH5" s="41"/>
      <c r="BI5" s="41"/>
      <c r="BJ5" s="41"/>
      <c r="BK5" s="41"/>
      <c r="BL5" s="41"/>
      <c r="BM5" s="41"/>
      <c r="BN5" s="41"/>
      <c r="BO5" s="41"/>
      <c r="BP5" s="41"/>
      <c r="BQ5" s="41"/>
      <c r="BR5" s="41"/>
      <c r="BS5" s="41"/>
      <c r="BT5" s="41"/>
      <c r="BU5" s="41"/>
      <c r="BV5" s="41"/>
      <c r="BW5" s="41"/>
      <c r="BX5" s="41"/>
      <c r="BY5" s="41"/>
      <c r="BZ5" s="41"/>
      <c r="CA5" s="41"/>
      <c r="CB5" s="41"/>
      <c r="CC5" s="41"/>
      <c r="CD5" s="41"/>
      <c r="CE5" s="41"/>
      <c r="CF5" s="41"/>
      <c r="CG5" s="41"/>
      <c r="CH5" s="41"/>
      <c r="CI5" s="41"/>
      <c r="CJ5" s="41"/>
      <c r="CK5" s="41"/>
      <c r="CL5" s="41"/>
      <c r="CM5" s="41"/>
      <c r="CN5" s="41"/>
      <c r="CO5" s="41"/>
      <c r="CP5" s="41"/>
      <c r="CQ5" s="41"/>
      <c r="CR5" s="41"/>
      <c r="CS5" s="41"/>
      <c r="CT5" s="41"/>
      <c r="CU5" s="41"/>
      <c r="CV5" s="41"/>
      <c r="CW5" s="41"/>
      <c r="CX5" s="41"/>
      <c r="CY5" s="41"/>
      <c r="CZ5" s="41"/>
      <c r="DA5" s="41"/>
      <c r="DB5" s="41"/>
      <c r="DC5" s="41"/>
      <c r="DD5" s="41"/>
      <c r="DE5" s="41"/>
      <c r="DF5" s="41"/>
      <c r="DG5" s="41"/>
      <c r="DH5" s="41"/>
      <c r="DI5" s="41"/>
      <c r="DJ5" s="41"/>
      <c r="DK5" s="41"/>
      <c r="DL5" s="41"/>
      <c r="DM5" s="41"/>
      <c r="DN5" s="41"/>
      <c r="DO5" s="41"/>
      <c r="DP5" s="41"/>
      <c r="DQ5" s="41"/>
      <c r="DR5" s="41"/>
      <c r="DS5" s="41"/>
      <c r="DT5" s="41"/>
      <c r="DU5" s="41"/>
      <c r="DV5" s="41"/>
      <c r="DW5" s="41"/>
      <c r="DX5" s="41"/>
      <c r="DY5" s="41"/>
      <c r="DZ5" s="41"/>
      <c r="EA5" s="41"/>
      <c r="EB5" s="41"/>
      <c r="EC5" s="41"/>
      <c r="ED5" s="41"/>
      <c r="EE5" s="41"/>
      <c r="EF5" s="41"/>
      <c r="EG5" s="41"/>
      <c r="EH5" s="41"/>
      <c r="EI5" s="41"/>
      <c r="EJ5" s="41"/>
      <c r="EK5" s="41"/>
      <c r="EL5" s="41"/>
      <c r="EM5" s="41"/>
      <c r="EN5" s="41"/>
      <c r="EO5" s="41"/>
      <c r="EP5" s="41"/>
      <c r="EQ5" s="41"/>
      <c r="ER5" s="41"/>
      <c r="ES5" s="41"/>
      <c r="ET5" s="41"/>
      <c r="EU5" s="41"/>
      <c r="EV5" s="41"/>
      <c r="EW5" s="41"/>
      <c r="EX5" s="41"/>
      <c r="EY5" s="41"/>
      <c r="EZ5" s="41"/>
      <c r="FA5" s="41"/>
      <c r="FB5" s="41"/>
      <c r="FC5" s="41"/>
      <c r="FD5" s="41"/>
      <c r="FE5" s="41"/>
      <c r="FF5" s="41"/>
      <c r="FG5" s="41"/>
      <c r="FH5" s="41"/>
      <c r="FI5" s="41"/>
      <c r="FJ5" s="41"/>
      <c r="FK5" s="41"/>
      <c r="FL5" s="41"/>
      <c r="FM5" s="41"/>
      <c r="FN5" s="41"/>
      <c r="FO5" s="41"/>
      <c r="FP5" s="41"/>
      <c r="FQ5" s="41"/>
      <c r="FR5" s="41"/>
      <c r="FS5" s="41"/>
      <c r="FT5" s="41"/>
      <c r="FU5" s="41"/>
      <c r="FV5" s="41"/>
      <c r="FW5" s="41"/>
      <c r="FX5" s="41"/>
      <c r="FY5" s="41"/>
      <c r="FZ5" s="41"/>
      <c r="GA5" s="41"/>
      <c r="GB5" s="41"/>
      <c r="GC5" s="41"/>
      <c r="GD5" s="41"/>
      <c r="GE5" s="41"/>
      <c r="GF5" s="41"/>
      <c r="GG5" s="41"/>
      <c r="GH5" s="41"/>
      <c r="GI5" s="41"/>
      <c r="GJ5" s="41"/>
      <c r="GK5" s="41"/>
      <c r="GL5" s="41"/>
      <c r="GM5" s="41"/>
      <c r="GN5" s="41"/>
      <c r="GO5" s="41"/>
      <c r="GP5" s="41"/>
      <c r="GQ5" s="41"/>
      <c r="GR5" s="41"/>
      <c r="GS5" s="41"/>
      <c r="GT5" s="41"/>
      <c r="GU5" s="41"/>
      <c r="GV5" s="41"/>
      <c r="GW5" s="41"/>
      <c r="GX5" s="41"/>
      <c r="GY5" s="41"/>
      <c r="GZ5" s="41"/>
      <c r="HA5" s="41"/>
      <c r="HB5" s="41"/>
      <c r="HC5" s="41"/>
      <c r="HD5" s="41"/>
      <c r="HE5" s="41"/>
      <c r="HF5" s="41"/>
      <c r="HG5" s="41"/>
      <c r="HH5" s="41"/>
      <c r="HI5" s="41"/>
      <c r="HJ5" s="41"/>
      <c r="HK5" s="41"/>
      <c r="HL5" s="41"/>
      <c r="HM5" s="41"/>
      <c r="HN5" s="41"/>
      <c r="HO5" s="41"/>
      <c r="HP5" s="41"/>
      <c r="HQ5" s="41"/>
      <c r="HR5" s="41"/>
      <c r="HS5" s="41"/>
      <c r="HT5" s="41"/>
      <c r="HU5" s="41"/>
      <c r="HV5" s="41"/>
      <c r="HW5" s="41"/>
      <c r="HX5" s="41"/>
      <c r="HY5" s="41"/>
      <c r="HZ5" s="41"/>
      <c r="IA5" s="41"/>
      <c r="IB5" s="41"/>
      <c r="IC5" s="41"/>
      <c r="ID5" s="41"/>
      <c r="IE5" s="41"/>
      <c r="IF5" s="41"/>
      <c r="IG5" s="41"/>
      <c r="IH5" s="41"/>
      <c r="II5" s="41"/>
      <c r="IJ5" s="41"/>
      <c r="IK5" s="41"/>
      <c r="IL5" s="41"/>
      <c r="IM5" s="41"/>
      <c r="IN5" s="41"/>
      <c r="IO5" s="41"/>
      <c r="IP5" s="41"/>
      <c r="IQ5" s="41"/>
      <c r="IR5" s="41"/>
      <c r="IS5" s="41"/>
      <c r="IT5" s="41"/>
      <c r="IU5" s="41"/>
      <c r="IV5" s="41"/>
      <c r="IW5" s="41"/>
      <c r="IX5" s="41"/>
      <c r="IY5" s="41"/>
      <c r="IZ5" s="41"/>
      <c r="JA5" s="41"/>
      <c r="JB5" s="41"/>
      <c r="JC5" s="41"/>
      <c r="JD5" s="41"/>
      <c r="JE5" s="41"/>
      <c r="JF5" s="41"/>
      <c r="JG5" s="41"/>
      <c r="JH5" s="41"/>
      <c r="JI5" s="41"/>
      <c r="JJ5" s="41"/>
      <c r="JK5" s="41"/>
      <c r="JL5" s="41"/>
      <c r="JM5" s="41"/>
      <c r="JN5" s="41"/>
      <c r="JO5" s="41"/>
      <c r="JP5" s="41"/>
      <c r="JQ5" s="41"/>
      <c r="JR5" s="41"/>
      <c r="JS5" s="41"/>
      <c r="JT5" s="41"/>
      <c r="JU5" s="41"/>
      <c r="JV5" s="41"/>
      <c r="JW5" s="41"/>
      <c r="JX5" s="41"/>
      <c r="JY5" s="41"/>
      <c r="JZ5" s="41"/>
      <c r="KA5" s="41"/>
      <c r="KB5" s="41"/>
      <c r="KC5" s="41"/>
      <c r="KD5" s="41"/>
      <c r="KE5" s="41"/>
      <c r="KF5" s="41"/>
      <c r="KG5" s="41"/>
      <c r="KH5" s="41"/>
      <c r="KI5" s="41"/>
      <c r="KJ5" s="41"/>
      <c r="KK5" s="41"/>
      <c r="KL5" s="41"/>
      <c r="KM5" s="41"/>
      <c r="KN5" s="41"/>
      <c r="KO5" s="41"/>
      <c r="KP5" s="41"/>
      <c r="KQ5" s="41"/>
      <c r="KR5" s="41"/>
      <c r="KS5" s="41"/>
      <c r="KT5" s="41"/>
      <c r="KU5" s="41"/>
      <c r="KV5" s="41"/>
      <c r="KW5" s="41"/>
      <c r="KX5" s="41"/>
      <c r="KY5" s="41"/>
      <c r="KZ5" s="41"/>
      <c r="LA5" s="41"/>
      <c r="LB5" s="41"/>
      <c r="LC5" s="41"/>
      <c r="LD5" s="41"/>
      <c r="LE5" s="41"/>
      <c r="LF5" s="41"/>
      <c r="LG5" s="41"/>
      <c r="LH5" s="41"/>
      <c r="LI5" s="41"/>
      <c r="LJ5" s="41"/>
      <c r="LK5" s="41"/>
      <c r="LL5" s="41"/>
      <c r="LM5" s="41"/>
      <c r="LN5" s="41"/>
      <c r="LO5" s="41"/>
      <c r="LP5" s="41"/>
      <c r="LQ5" s="41"/>
      <c r="LR5" s="41"/>
      <c r="LS5" s="41"/>
      <c r="LT5" s="41"/>
      <c r="LU5" s="41"/>
      <c r="LV5" s="41"/>
      <c r="LW5" s="41"/>
      <c r="LX5" s="41"/>
      <c r="LY5" s="41"/>
      <c r="LZ5" s="41"/>
      <c r="MA5" s="41"/>
      <c r="MB5" s="41"/>
      <c r="MC5" s="41"/>
      <c r="MD5" s="41"/>
      <c r="ME5" s="41"/>
      <c r="MF5" s="41"/>
      <c r="MG5" s="41"/>
      <c r="MH5" s="41"/>
      <c r="MI5" s="41"/>
      <c r="MJ5" s="41"/>
      <c r="MK5" s="41"/>
      <c r="ML5" s="41"/>
      <c r="MM5" s="41"/>
      <c r="MN5" s="41"/>
      <c r="MO5" s="41"/>
      <c r="MP5" s="41"/>
      <c r="MQ5" s="41"/>
      <c r="MR5" s="41"/>
      <c r="MS5" s="41"/>
      <c r="MT5" s="41"/>
      <c r="MU5" s="41"/>
      <c r="MV5" s="41"/>
      <c r="MW5" s="41"/>
      <c r="MX5" s="41"/>
      <c r="MY5" s="41"/>
      <c r="MZ5" s="41"/>
      <c r="NA5" s="41"/>
      <c r="NB5" s="41"/>
      <c r="NC5" s="41"/>
      <c r="ND5" s="41"/>
      <c r="NE5" s="41"/>
      <c r="NF5" s="41"/>
      <c r="NG5" s="41"/>
      <c r="NH5" s="41"/>
      <c r="NI5" s="41"/>
      <c r="NJ5" s="41"/>
      <c r="NK5" s="41"/>
      <c r="NL5" s="41"/>
      <c r="NM5" s="41"/>
      <c r="NN5" s="41"/>
      <c r="NO5" s="41"/>
      <c r="NP5" s="41"/>
      <c r="NQ5" s="41"/>
      <c r="NR5" s="41"/>
      <c r="NS5" s="41"/>
      <c r="NT5" s="41"/>
      <c r="NU5" s="41"/>
      <c r="NV5" s="41"/>
      <c r="NW5" s="41"/>
      <c r="NX5" s="41"/>
      <c r="NY5" s="41"/>
      <c r="NZ5" s="41"/>
      <c r="OA5" s="41"/>
      <c r="OB5" s="41"/>
      <c r="OC5" s="41"/>
      <c r="OD5" s="41"/>
      <c r="OE5" s="41"/>
      <c r="OF5" s="41"/>
      <c r="OG5" s="41"/>
      <c r="OH5" s="41"/>
      <c r="OI5" s="41"/>
      <c r="OJ5" s="41"/>
      <c r="OK5" s="41"/>
      <c r="OL5" s="41"/>
      <c r="OM5" s="41"/>
      <c r="ON5" s="41"/>
      <c r="OO5" s="41"/>
      <c r="OP5" s="41"/>
      <c r="OQ5" s="41"/>
      <c r="OR5" s="41"/>
      <c r="OS5" s="41"/>
      <c r="OT5" s="41"/>
      <c r="OU5" s="41"/>
      <c r="OV5" s="41"/>
      <c r="OW5" s="41"/>
      <c r="OX5" s="41"/>
      <c r="OY5" s="41"/>
      <c r="OZ5" s="41"/>
      <c r="PA5" s="41"/>
      <c r="PB5" s="41"/>
      <c r="PC5" s="41"/>
      <c r="PD5" s="41"/>
      <c r="PE5" s="41"/>
      <c r="PF5" s="41"/>
      <c r="PG5" s="41"/>
      <c r="PH5" s="41"/>
      <c r="PI5" s="41"/>
      <c r="PJ5" s="41"/>
      <c r="PK5" s="41"/>
      <c r="PL5" s="41"/>
      <c r="PM5" s="41"/>
      <c r="PN5" s="41"/>
      <c r="PO5" s="41"/>
      <c r="PP5" s="41"/>
      <c r="PQ5" s="41"/>
      <c r="PR5" s="41"/>
      <c r="PS5" s="41"/>
      <c r="PT5" s="41"/>
      <c r="PU5" s="41"/>
      <c r="PV5" s="41"/>
      <c r="PW5" s="41"/>
      <c r="PX5" s="41"/>
      <c r="PY5" s="41"/>
      <c r="PZ5" s="41"/>
      <c r="QA5" s="41"/>
      <c r="QB5" s="41"/>
      <c r="QC5" s="41"/>
      <c r="QD5" s="41"/>
      <c r="QE5" s="41"/>
      <c r="QF5" s="41"/>
      <c r="QG5" s="41"/>
      <c r="QH5" s="41"/>
      <c r="QI5" s="41"/>
      <c r="QJ5" s="41"/>
      <c r="QK5" s="41"/>
      <c r="QL5" s="41"/>
      <c r="QM5" s="41"/>
      <c r="QN5" s="41"/>
      <c r="QO5" s="41"/>
      <c r="QP5" s="41"/>
      <c r="QQ5" s="41"/>
      <c r="QR5" s="41"/>
      <c r="QS5" s="41"/>
      <c r="QT5" s="41"/>
      <c r="QU5" s="41"/>
      <c r="QV5" s="41"/>
      <c r="QW5" s="41"/>
      <c r="QX5" s="41"/>
      <c r="QY5" s="41"/>
      <c r="QZ5" s="41"/>
      <c r="RA5" s="41"/>
      <c r="RB5" s="41"/>
      <c r="RC5" s="41"/>
      <c r="RD5" s="41"/>
      <c r="RE5" s="41"/>
      <c r="RF5" s="41"/>
      <c r="RG5" s="41"/>
      <c r="RH5" s="41"/>
      <c r="RI5" s="41"/>
      <c r="RJ5" s="41"/>
      <c r="RK5" s="41"/>
      <c r="RL5" s="41"/>
      <c r="RM5" s="41"/>
      <c r="RN5" s="41"/>
      <c r="RO5" s="41"/>
      <c r="RP5" s="41"/>
      <c r="RQ5" s="41"/>
      <c r="RR5" s="41"/>
      <c r="RS5" s="41"/>
      <c r="RT5" s="41"/>
      <c r="RU5" s="41"/>
      <c r="RV5" s="41"/>
      <c r="RW5" s="41"/>
      <c r="RX5" s="41"/>
      <c r="RY5" s="41"/>
      <c r="RZ5" s="41"/>
      <c r="SA5" s="41"/>
      <c r="SB5" s="41"/>
      <c r="SC5" s="41"/>
      <c r="SD5" s="41"/>
      <c r="SE5" s="41"/>
      <c r="SF5" s="41"/>
      <c r="SG5" s="41"/>
      <c r="SH5" s="41"/>
      <c r="SI5" s="41"/>
      <c r="SJ5" s="41"/>
      <c r="SK5" s="41"/>
      <c r="SL5" s="41"/>
      <c r="SM5" s="41"/>
      <c r="SN5" s="41"/>
      <c r="SO5" s="41"/>
      <c r="SP5" s="41"/>
      <c r="SQ5" s="41"/>
      <c r="SR5" s="41"/>
      <c r="SS5" s="41"/>
      <c r="ST5" s="41"/>
      <c r="SU5" s="41"/>
      <c r="SV5" s="41"/>
      <c r="SW5" s="41"/>
      <c r="SX5" s="41"/>
      <c r="SY5" s="41"/>
      <c r="SZ5" s="41"/>
      <c r="TA5" s="41"/>
      <c r="TB5" s="41"/>
      <c r="TC5" s="41"/>
      <c r="TD5" s="41"/>
      <c r="TE5" s="41"/>
      <c r="TF5" s="41"/>
      <c r="TG5" s="41"/>
      <c r="TH5" s="41"/>
      <c r="TI5" s="41"/>
      <c r="TJ5" s="41"/>
      <c r="TK5" s="41"/>
      <c r="TL5" s="41"/>
      <c r="TM5" s="41"/>
      <c r="TN5" s="41"/>
      <c r="TO5" s="41"/>
      <c r="TP5" s="41"/>
      <c r="TQ5" s="41"/>
      <c r="TR5" s="41"/>
      <c r="TS5" s="41"/>
      <c r="TT5" s="41"/>
      <c r="TU5" s="41"/>
      <c r="TV5" s="41"/>
      <c r="TW5" s="41"/>
      <c r="TX5" s="41"/>
      <c r="TY5" s="41"/>
      <c r="TZ5" s="41"/>
      <c r="UA5" s="41"/>
      <c r="UB5" s="41"/>
      <c r="UC5" s="41"/>
      <c r="UD5" s="41"/>
      <c r="UE5" s="41"/>
      <c r="UF5" s="41"/>
      <c r="UG5" s="41"/>
      <c r="UH5" s="41"/>
      <c r="UI5" s="41"/>
      <c r="UJ5" s="41"/>
      <c r="UK5" s="41"/>
      <c r="UL5" s="41"/>
      <c r="UM5" s="41"/>
      <c r="UN5" s="41"/>
      <c r="UO5" s="41"/>
      <c r="UP5" s="41"/>
      <c r="UQ5" s="41"/>
      <c r="UR5" s="41"/>
      <c r="US5" s="41"/>
      <c r="UT5" s="41"/>
      <c r="UU5" s="41"/>
      <c r="UV5" s="41"/>
      <c r="UW5" s="41"/>
      <c r="UX5" s="41"/>
      <c r="UY5" s="41"/>
      <c r="UZ5" s="41"/>
      <c r="VA5" s="41"/>
      <c r="VB5" s="41"/>
      <c r="VC5" s="41"/>
      <c r="VD5" s="41"/>
      <c r="VE5" s="41"/>
      <c r="VF5" s="41"/>
      <c r="VG5" s="41"/>
      <c r="VH5" s="41"/>
      <c r="VI5" s="41"/>
      <c r="VJ5" s="41"/>
      <c r="VK5" s="41"/>
      <c r="VL5" s="41"/>
      <c r="VM5" s="41"/>
      <c r="VN5" s="41"/>
      <c r="VO5" s="41"/>
      <c r="VP5" s="41"/>
      <c r="VQ5" s="41"/>
      <c r="VR5" s="41"/>
      <c r="VS5" s="41"/>
      <c r="VT5" s="41"/>
      <c r="VU5" s="41"/>
      <c r="VV5" s="41"/>
      <c r="VW5" s="41"/>
      <c r="VX5" s="41"/>
      <c r="VY5" s="41"/>
      <c r="VZ5" s="41"/>
      <c r="WA5" s="41"/>
      <c r="WB5" s="41"/>
      <c r="WC5" s="41"/>
      <c r="WD5" s="41"/>
      <c r="WE5" s="41"/>
      <c r="WF5" s="41"/>
      <c r="WG5" s="41"/>
      <c r="WH5" s="41"/>
      <c r="WI5" s="41"/>
      <c r="WJ5" s="41"/>
      <c r="WK5" s="41"/>
      <c r="WL5" s="41"/>
      <c r="WM5" s="41"/>
      <c r="WN5" s="41"/>
    </row>
    <row r="6" spans="1:612" ht="15" customHeight="1">
      <c r="A6" s="30" t="s">
        <v>7</v>
      </c>
      <c r="B6" s="99" t="s">
        <v>0</v>
      </c>
      <c r="C6" s="100"/>
      <c r="D6" s="100"/>
      <c r="E6" s="101"/>
      <c r="F6" s="105" t="s">
        <v>5</v>
      </c>
      <c r="G6" s="67" t="s">
        <v>15</v>
      </c>
      <c r="H6" s="67" t="s">
        <v>16</v>
      </c>
      <c r="I6" s="68" t="s">
        <v>1</v>
      </c>
      <c r="J6" s="107" t="s">
        <v>9</v>
      </c>
      <c r="K6" s="108"/>
      <c r="L6" s="95"/>
      <c r="M6" s="31"/>
      <c r="N6" s="31"/>
      <c r="O6" s="31"/>
      <c r="P6" s="25"/>
      <c r="Q6" s="25"/>
      <c r="R6" s="41"/>
      <c r="S6" s="41"/>
      <c r="T6" s="41"/>
      <c r="U6" s="79"/>
      <c r="V6" s="41"/>
      <c r="W6" s="41"/>
      <c r="X6" s="41"/>
      <c r="Y6" s="41"/>
      <c r="Z6" s="41"/>
      <c r="AA6" s="52"/>
      <c r="AB6" s="41"/>
      <c r="AC6" s="41"/>
      <c r="AD6" s="41"/>
      <c r="AE6" s="41"/>
      <c r="AF6" s="41"/>
      <c r="AG6" s="87"/>
      <c r="AH6" s="87"/>
      <c r="AI6" s="87"/>
      <c r="AJ6" s="87"/>
      <c r="AK6" s="87"/>
      <c r="AL6" s="87"/>
      <c r="AM6" s="87"/>
      <c r="AN6" s="87"/>
      <c r="AO6" s="87"/>
      <c r="AP6" s="87"/>
      <c r="AQ6" s="87"/>
      <c r="AR6" s="87"/>
      <c r="AS6" s="87"/>
      <c r="AT6" s="87"/>
      <c r="AU6" s="41"/>
      <c r="AV6" s="41"/>
      <c r="AW6" s="41"/>
      <c r="AX6" s="41"/>
      <c r="AY6" s="41"/>
      <c r="AZ6" s="41"/>
      <c r="BA6" s="41"/>
      <c r="BB6" s="41"/>
      <c r="BC6" s="41"/>
      <c r="BD6" s="41"/>
      <c r="BE6" s="41"/>
      <c r="BF6" s="41"/>
      <c r="BG6" s="41"/>
      <c r="BH6" s="41"/>
      <c r="BI6" s="41"/>
      <c r="BJ6" s="41"/>
      <c r="BK6" s="41"/>
      <c r="BL6" s="41"/>
      <c r="BM6" s="41"/>
      <c r="BN6" s="41"/>
      <c r="BO6" s="41"/>
      <c r="BP6" s="41"/>
      <c r="BQ6" s="41"/>
      <c r="BR6" s="41"/>
      <c r="BS6" s="41"/>
      <c r="BT6" s="41"/>
      <c r="BU6" s="41"/>
      <c r="BV6" s="41"/>
      <c r="BW6" s="41"/>
      <c r="BX6" s="41"/>
      <c r="BY6" s="41"/>
      <c r="BZ6" s="41"/>
      <c r="CA6" s="41"/>
      <c r="CB6" s="41"/>
      <c r="CC6" s="41"/>
      <c r="CD6" s="41"/>
      <c r="CE6" s="41"/>
      <c r="CF6" s="41"/>
      <c r="CG6" s="41"/>
      <c r="CH6" s="41"/>
      <c r="CI6" s="41"/>
      <c r="CJ6" s="41"/>
      <c r="CK6" s="41"/>
      <c r="CL6" s="41"/>
      <c r="CM6" s="41"/>
      <c r="CN6" s="41"/>
      <c r="CO6" s="41"/>
      <c r="CP6" s="41"/>
      <c r="CQ6" s="41"/>
      <c r="CR6" s="41"/>
      <c r="CS6" s="41"/>
      <c r="CT6" s="41"/>
      <c r="CU6" s="41"/>
      <c r="CV6" s="41"/>
      <c r="CW6" s="41"/>
      <c r="CX6" s="41"/>
      <c r="CY6" s="41"/>
      <c r="CZ6" s="41"/>
      <c r="DA6" s="41"/>
      <c r="DB6" s="41"/>
      <c r="DC6" s="41"/>
      <c r="DD6" s="41"/>
      <c r="DE6" s="41"/>
      <c r="DF6" s="41"/>
      <c r="DG6" s="41"/>
      <c r="DH6" s="41"/>
      <c r="DI6" s="41"/>
      <c r="DJ6" s="41"/>
      <c r="DK6" s="41"/>
      <c r="DL6" s="41"/>
      <c r="DM6" s="41"/>
      <c r="DN6" s="41"/>
      <c r="DO6" s="41"/>
      <c r="DP6" s="41"/>
      <c r="DQ6" s="41"/>
      <c r="DR6" s="41"/>
      <c r="DS6" s="41"/>
      <c r="DT6" s="41"/>
      <c r="DU6" s="41"/>
      <c r="DV6" s="41"/>
      <c r="DW6" s="41"/>
      <c r="DX6" s="41"/>
      <c r="DY6" s="41"/>
      <c r="DZ6" s="41"/>
      <c r="EA6" s="41"/>
      <c r="EB6" s="41"/>
      <c r="EC6" s="41"/>
      <c r="ED6" s="41"/>
      <c r="EE6" s="41"/>
      <c r="EF6" s="41"/>
      <c r="EG6" s="41"/>
      <c r="EH6" s="41"/>
      <c r="EI6" s="41"/>
      <c r="EJ6" s="41"/>
      <c r="EK6" s="41"/>
      <c r="EL6" s="41"/>
      <c r="EM6" s="41"/>
      <c r="EN6" s="41"/>
      <c r="EO6" s="41"/>
      <c r="EP6" s="41"/>
      <c r="EQ6" s="41"/>
      <c r="ER6" s="41"/>
      <c r="ES6" s="41"/>
      <c r="ET6" s="41"/>
      <c r="EU6" s="41"/>
      <c r="EV6" s="41"/>
      <c r="EW6" s="41"/>
      <c r="EX6" s="41"/>
      <c r="EY6" s="41"/>
      <c r="EZ6" s="41"/>
      <c r="FA6" s="41"/>
      <c r="FB6" s="41"/>
      <c r="FC6" s="41"/>
      <c r="FD6" s="41"/>
      <c r="FE6" s="41"/>
      <c r="FF6" s="41"/>
      <c r="FG6" s="41"/>
      <c r="FH6" s="41"/>
      <c r="FI6" s="41"/>
      <c r="FJ6" s="41"/>
      <c r="FK6" s="41"/>
      <c r="FL6" s="41"/>
      <c r="FM6" s="41"/>
      <c r="FN6" s="41"/>
      <c r="FO6" s="41"/>
      <c r="FP6" s="41"/>
      <c r="FQ6" s="41"/>
      <c r="FR6" s="41"/>
      <c r="FS6" s="41"/>
      <c r="FT6" s="41"/>
      <c r="FU6" s="41"/>
      <c r="FV6" s="41"/>
      <c r="FW6" s="41"/>
      <c r="FX6" s="41"/>
      <c r="FY6" s="41"/>
      <c r="FZ6" s="41"/>
      <c r="GA6" s="41"/>
      <c r="GB6" s="41"/>
      <c r="GC6" s="41"/>
      <c r="GD6" s="41"/>
      <c r="GE6" s="41"/>
      <c r="GF6" s="41"/>
      <c r="GG6" s="41"/>
      <c r="GH6" s="41"/>
      <c r="GI6" s="41"/>
      <c r="GJ6" s="41"/>
      <c r="GK6" s="41"/>
      <c r="GL6" s="41"/>
      <c r="GM6" s="41"/>
      <c r="GN6" s="41"/>
      <c r="GO6" s="41"/>
      <c r="GP6" s="41"/>
      <c r="GQ6" s="41"/>
      <c r="GR6" s="41"/>
      <c r="GS6" s="41"/>
      <c r="GT6" s="41"/>
      <c r="GU6" s="41"/>
      <c r="GV6" s="41"/>
      <c r="GW6" s="41"/>
      <c r="GX6" s="41"/>
      <c r="GY6" s="41"/>
      <c r="GZ6" s="41"/>
      <c r="HA6" s="41"/>
      <c r="HB6" s="41"/>
      <c r="HC6" s="41"/>
      <c r="HD6" s="41"/>
      <c r="HE6" s="41"/>
      <c r="HF6" s="41"/>
      <c r="HG6" s="41"/>
      <c r="HH6" s="41"/>
      <c r="HI6" s="41"/>
      <c r="HJ6" s="41"/>
      <c r="HK6" s="41"/>
      <c r="HL6" s="41"/>
      <c r="HM6" s="41"/>
      <c r="HN6" s="41"/>
      <c r="HO6" s="41"/>
      <c r="HP6" s="41"/>
      <c r="HQ6" s="41"/>
      <c r="HR6" s="41"/>
      <c r="HS6" s="41"/>
      <c r="HT6" s="41"/>
      <c r="HU6" s="41"/>
      <c r="HV6" s="41"/>
      <c r="HW6" s="41"/>
      <c r="HX6" s="41"/>
      <c r="HY6" s="41"/>
      <c r="HZ6" s="41"/>
      <c r="IA6" s="41"/>
      <c r="IB6" s="41"/>
      <c r="IC6" s="41"/>
      <c r="ID6" s="41"/>
      <c r="IE6" s="41"/>
      <c r="IF6" s="41"/>
      <c r="IG6" s="41"/>
      <c r="IH6" s="41"/>
      <c r="II6" s="41"/>
      <c r="IJ6" s="41"/>
      <c r="IK6" s="41"/>
      <c r="IL6" s="41"/>
      <c r="IM6" s="41"/>
      <c r="IN6" s="41"/>
      <c r="IO6" s="41"/>
      <c r="IP6" s="41"/>
      <c r="IQ6" s="41"/>
      <c r="IR6" s="41"/>
      <c r="IS6" s="41"/>
      <c r="IT6" s="41"/>
      <c r="IU6" s="41"/>
      <c r="IV6" s="41"/>
      <c r="IW6" s="41"/>
      <c r="IX6" s="41"/>
      <c r="IY6" s="41"/>
      <c r="IZ6" s="41"/>
      <c r="JA6" s="41"/>
      <c r="JB6" s="41"/>
      <c r="JC6" s="41"/>
      <c r="JD6" s="41"/>
      <c r="JE6" s="41"/>
      <c r="JF6" s="41"/>
      <c r="JG6" s="41"/>
      <c r="JH6" s="41"/>
      <c r="JI6" s="41"/>
      <c r="JJ6" s="41"/>
      <c r="JK6" s="41"/>
      <c r="JL6" s="41"/>
      <c r="JM6" s="41"/>
      <c r="JN6" s="41"/>
      <c r="JO6" s="41"/>
      <c r="JP6" s="41"/>
      <c r="JQ6" s="41"/>
      <c r="JR6" s="41"/>
      <c r="JS6" s="41"/>
      <c r="JT6" s="41"/>
      <c r="JU6" s="41"/>
      <c r="JV6" s="41"/>
      <c r="JW6" s="41"/>
      <c r="JX6" s="41"/>
      <c r="JY6" s="41"/>
      <c r="JZ6" s="41"/>
      <c r="KA6" s="41"/>
      <c r="KB6" s="41"/>
      <c r="KC6" s="41"/>
      <c r="KD6" s="41"/>
      <c r="KE6" s="41"/>
      <c r="KF6" s="41"/>
      <c r="KG6" s="41"/>
      <c r="KH6" s="41"/>
      <c r="KI6" s="41"/>
      <c r="KJ6" s="41"/>
      <c r="KK6" s="41"/>
      <c r="KL6" s="41"/>
      <c r="KM6" s="41"/>
      <c r="KN6" s="41"/>
      <c r="KO6" s="41"/>
      <c r="KP6" s="41"/>
      <c r="KQ6" s="41"/>
      <c r="KR6" s="41"/>
      <c r="KS6" s="41"/>
      <c r="KT6" s="41"/>
      <c r="KU6" s="41"/>
      <c r="KV6" s="41"/>
      <c r="KW6" s="41"/>
      <c r="KX6" s="41"/>
      <c r="KY6" s="41"/>
      <c r="KZ6" s="41"/>
      <c r="LA6" s="41"/>
      <c r="LB6" s="41"/>
      <c r="LC6" s="41"/>
      <c r="LD6" s="41"/>
      <c r="LE6" s="41"/>
      <c r="LF6" s="41"/>
      <c r="LG6" s="41"/>
      <c r="LH6" s="41"/>
      <c r="LI6" s="41"/>
      <c r="LJ6" s="41"/>
      <c r="LK6" s="41"/>
      <c r="LL6" s="41"/>
      <c r="LM6" s="41"/>
      <c r="LN6" s="41"/>
      <c r="LO6" s="41"/>
      <c r="LP6" s="41"/>
      <c r="LQ6" s="41"/>
      <c r="LR6" s="41"/>
      <c r="LS6" s="41"/>
      <c r="LT6" s="41"/>
      <c r="LU6" s="41"/>
      <c r="LV6" s="41"/>
      <c r="LW6" s="41"/>
      <c r="LX6" s="41"/>
      <c r="LY6" s="41"/>
      <c r="LZ6" s="41"/>
      <c r="MA6" s="41"/>
      <c r="MB6" s="41"/>
      <c r="MC6" s="41"/>
      <c r="MD6" s="41"/>
      <c r="ME6" s="41"/>
      <c r="MF6" s="41"/>
      <c r="MG6" s="41"/>
      <c r="MH6" s="41"/>
      <c r="MI6" s="41"/>
      <c r="MJ6" s="41"/>
      <c r="MK6" s="41"/>
      <c r="ML6" s="41"/>
      <c r="MM6" s="41"/>
      <c r="MN6" s="41"/>
      <c r="MO6" s="41"/>
      <c r="MP6" s="41"/>
      <c r="MQ6" s="41"/>
      <c r="MR6" s="41"/>
      <c r="MS6" s="41"/>
      <c r="MT6" s="41"/>
      <c r="MU6" s="41"/>
      <c r="MV6" s="41"/>
      <c r="MW6" s="41"/>
      <c r="MX6" s="41"/>
      <c r="MY6" s="41"/>
      <c r="MZ6" s="41"/>
      <c r="NA6" s="41"/>
      <c r="NB6" s="41"/>
      <c r="NC6" s="41"/>
      <c r="ND6" s="41"/>
      <c r="NE6" s="41"/>
      <c r="NF6" s="41"/>
      <c r="NG6" s="41"/>
      <c r="NH6" s="41"/>
      <c r="NI6" s="41"/>
      <c r="NJ6" s="41"/>
      <c r="NK6" s="41"/>
      <c r="NL6" s="41"/>
      <c r="NM6" s="41"/>
      <c r="NN6" s="41"/>
      <c r="NO6" s="41"/>
      <c r="NP6" s="41"/>
      <c r="NQ6" s="41"/>
      <c r="NR6" s="41"/>
      <c r="NS6" s="41"/>
      <c r="NT6" s="41"/>
      <c r="NU6" s="41"/>
      <c r="NV6" s="41"/>
      <c r="NW6" s="41"/>
      <c r="NX6" s="41"/>
      <c r="NY6" s="41"/>
      <c r="NZ6" s="41"/>
      <c r="OA6" s="41"/>
      <c r="OB6" s="41"/>
      <c r="OC6" s="41"/>
      <c r="OD6" s="41"/>
      <c r="OE6" s="41"/>
      <c r="OF6" s="41"/>
      <c r="OG6" s="41"/>
      <c r="OH6" s="41"/>
      <c r="OI6" s="41"/>
      <c r="OJ6" s="41"/>
      <c r="OK6" s="41"/>
      <c r="OL6" s="41"/>
      <c r="OM6" s="41"/>
      <c r="ON6" s="41"/>
      <c r="OO6" s="41"/>
      <c r="OP6" s="41"/>
      <c r="OQ6" s="41"/>
      <c r="OR6" s="41"/>
      <c r="OS6" s="41"/>
      <c r="OT6" s="41"/>
      <c r="OU6" s="41"/>
      <c r="OV6" s="41"/>
      <c r="OW6" s="41"/>
      <c r="OX6" s="41"/>
      <c r="OY6" s="41"/>
      <c r="OZ6" s="41"/>
      <c r="PA6" s="41"/>
      <c r="PB6" s="41"/>
      <c r="PC6" s="41"/>
      <c r="PD6" s="41"/>
      <c r="PE6" s="41"/>
      <c r="PF6" s="41"/>
      <c r="PG6" s="41"/>
      <c r="PH6" s="41"/>
      <c r="PI6" s="41"/>
      <c r="PJ6" s="41"/>
      <c r="PK6" s="41"/>
      <c r="PL6" s="41"/>
      <c r="PM6" s="41"/>
      <c r="PN6" s="41"/>
      <c r="PO6" s="41"/>
      <c r="PP6" s="41"/>
      <c r="PQ6" s="41"/>
      <c r="PR6" s="41"/>
      <c r="PS6" s="41"/>
      <c r="PT6" s="41"/>
      <c r="PU6" s="41"/>
      <c r="PV6" s="41"/>
      <c r="PW6" s="41"/>
      <c r="PX6" s="41"/>
      <c r="PY6" s="41"/>
      <c r="PZ6" s="41"/>
      <c r="QA6" s="41"/>
      <c r="QB6" s="41"/>
      <c r="QC6" s="41"/>
      <c r="QD6" s="41"/>
      <c r="QE6" s="41"/>
      <c r="QF6" s="41"/>
      <c r="QG6" s="41"/>
      <c r="QH6" s="41"/>
      <c r="QI6" s="41"/>
      <c r="QJ6" s="41"/>
      <c r="QK6" s="41"/>
      <c r="QL6" s="41"/>
      <c r="QM6" s="41"/>
      <c r="QN6" s="41"/>
      <c r="QO6" s="41"/>
      <c r="QP6" s="41"/>
      <c r="QQ6" s="41"/>
      <c r="QR6" s="41"/>
      <c r="QS6" s="41"/>
      <c r="QT6" s="41"/>
      <c r="QU6" s="41"/>
      <c r="QV6" s="41"/>
      <c r="QW6" s="41"/>
      <c r="QX6" s="41"/>
      <c r="QY6" s="41"/>
      <c r="QZ6" s="41"/>
      <c r="RA6" s="41"/>
      <c r="RB6" s="41"/>
      <c r="RC6" s="41"/>
      <c r="RD6" s="41"/>
      <c r="RE6" s="41"/>
      <c r="RF6" s="41"/>
      <c r="RG6" s="41"/>
      <c r="RH6" s="41"/>
      <c r="RI6" s="41"/>
      <c r="RJ6" s="41"/>
      <c r="RK6" s="41"/>
      <c r="RL6" s="41"/>
      <c r="RM6" s="41"/>
      <c r="RN6" s="41"/>
      <c r="RO6" s="41"/>
      <c r="RP6" s="41"/>
      <c r="RQ6" s="41"/>
      <c r="RR6" s="41"/>
      <c r="RS6" s="41"/>
      <c r="RT6" s="41"/>
      <c r="RU6" s="41"/>
      <c r="RV6" s="41"/>
      <c r="RW6" s="41"/>
      <c r="RX6" s="41"/>
      <c r="RY6" s="41"/>
      <c r="RZ6" s="41"/>
      <c r="SA6" s="41"/>
      <c r="SB6" s="41"/>
      <c r="SC6" s="41"/>
      <c r="SD6" s="41"/>
      <c r="SE6" s="41"/>
      <c r="SF6" s="41"/>
      <c r="SG6" s="41"/>
      <c r="SH6" s="41"/>
      <c r="SI6" s="41"/>
      <c r="SJ6" s="41"/>
      <c r="SK6" s="41"/>
      <c r="SL6" s="41"/>
      <c r="SM6" s="41"/>
      <c r="SN6" s="41"/>
      <c r="SO6" s="41"/>
      <c r="SP6" s="41"/>
      <c r="SQ6" s="41"/>
      <c r="SR6" s="41"/>
      <c r="SS6" s="41"/>
      <c r="ST6" s="41"/>
      <c r="SU6" s="41"/>
      <c r="SV6" s="41"/>
      <c r="SW6" s="41"/>
      <c r="SX6" s="41"/>
      <c r="SY6" s="41"/>
      <c r="SZ6" s="41"/>
      <c r="TA6" s="41"/>
      <c r="TB6" s="41"/>
      <c r="TC6" s="41"/>
      <c r="TD6" s="41"/>
      <c r="TE6" s="41"/>
      <c r="TF6" s="41"/>
      <c r="TG6" s="41"/>
      <c r="TH6" s="41"/>
      <c r="TI6" s="41"/>
      <c r="TJ6" s="41"/>
      <c r="TK6" s="41"/>
      <c r="TL6" s="41"/>
      <c r="TM6" s="41"/>
      <c r="TN6" s="41"/>
      <c r="TO6" s="41"/>
      <c r="TP6" s="41"/>
      <c r="TQ6" s="41"/>
      <c r="TR6" s="41"/>
      <c r="TS6" s="41"/>
      <c r="TT6" s="41"/>
      <c r="TU6" s="41"/>
      <c r="TV6" s="41"/>
      <c r="TW6" s="41"/>
      <c r="TX6" s="41"/>
      <c r="TY6" s="41"/>
      <c r="TZ6" s="41"/>
      <c r="UA6" s="41"/>
      <c r="UB6" s="41"/>
      <c r="UC6" s="41"/>
      <c r="UD6" s="41"/>
      <c r="UE6" s="41"/>
      <c r="UF6" s="41"/>
      <c r="UG6" s="41"/>
      <c r="UH6" s="41"/>
      <c r="UI6" s="41"/>
      <c r="UJ6" s="41"/>
      <c r="UK6" s="41"/>
      <c r="UL6" s="41"/>
      <c r="UM6" s="41"/>
      <c r="UN6" s="41"/>
      <c r="UO6" s="41"/>
      <c r="UP6" s="41"/>
      <c r="UQ6" s="41"/>
      <c r="UR6" s="41"/>
      <c r="US6" s="41"/>
      <c r="UT6" s="41"/>
      <c r="UU6" s="41"/>
      <c r="UV6" s="41"/>
      <c r="UW6" s="41"/>
      <c r="UX6" s="41"/>
      <c r="UY6" s="41"/>
      <c r="UZ6" s="41"/>
      <c r="VA6" s="41"/>
      <c r="VB6" s="41"/>
      <c r="VC6" s="41"/>
      <c r="VD6" s="41"/>
      <c r="VE6" s="41"/>
      <c r="VF6" s="41"/>
      <c r="VG6" s="41"/>
      <c r="VH6" s="41"/>
      <c r="VI6" s="41"/>
      <c r="VJ6" s="41"/>
      <c r="VK6" s="41"/>
      <c r="VL6" s="41"/>
      <c r="VM6" s="41"/>
      <c r="VN6" s="41"/>
      <c r="VO6" s="41"/>
      <c r="VP6" s="41"/>
      <c r="VQ6" s="41"/>
      <c r="VR6" s="41"/>
      <c r="VS6" s="41"/>
      <c r="VT6" s="41"/>
      <c r="VU6" s="41"/>
      <c r="VV6" s="41"/>
      <c r="VW6" s="41"/>
      <c r="VX6" s="41"/>
      <c r="VY6" s="41"/>
      <c r="VZ6" s="41"/>
      <c r="WA6" s="41"/>
      <c r="WB6" s="41"/>
      <c r="WC6" s="41"/>
      <c r="WD6" s="41"/>
      <c r="WE6" s="41"/>
      <c r="WF6" s="41"/>
      <c r="WG6" s="41"/>
      <c r="WH6" s="41"/>
      <c r="WI6" s="41"/>
      <c r="WJ6" s="41"/>
      <c r="WK6" s="41"/>
      <c r="WL6" s="41"/>
      <c r="WM6" s="41"/>
      <c r="WN6" s="41"/>
    </row>
    <row r="7" spans="1:612" ht="15" customHeight="1">
      <c r="A7" s="32" t="s">
        <v>8</v>
      </c>
      <c r="B7" s="102"/>
      <c r="C7" s="103"/>
      <c r="D7" s="103"/>
      <c r="E7" s="104"/>
      <c r="F7" s="106"/>
      <c r="G7" s="76" t="s">
        <v>14</v>
      </c>
      <c r="H7" s="76" t="s">
        <v>19</v>
      </c>
      <c r="I7" s="33" t="s">
        <v>6</v>
      </c>
      <c r="J7" s="109"/>
      <c r="K7" s="110"/>
      <c r="L7" s="96"/>
      <c r="M7" s="31"/>
      <c r="N7" s="31"/>
      <c r="O7" s="31"/>
      <c r="P7" s="25"/>
      <c r="Q7" s="25"/>
      <c r="R7" s="41"/>
      <c r="S7" s="41"/>
      <c r="T7" s="41"/>
      <c r="U7" s="79"/>
      <c r="V7" s="41"/>
      <c r="W7" s="41"/>
      <c r="X7" s="41"/>
      <c r="Y7" s="41"/>
      <c r="Z7" s="41"/>
      <c r="AA7" s="52"/>
      <c r="AB7" s="41"/>
      <c r="AC7" s="41"/>
      <c r="AD7" s="41"/>
      <c r="AE7" s="41"/>
      <c r="AF7" s="41"/>
      <c r="AG7" s="87"/>
      <c r="AH7" s="87"/>
      <c r="AI7" s="87"/>
      <c r="AJ7" s="87"/>
      <c r="AK7" s="87"/>
      <c r="AL7" s="87"/>
      <c r="AM7" s="87"/>
      <c r="AN7" s="87"/>
      <c r="AO7" s="87"/>
      <c r="AP7" s="87"/>
      <c r="AQ7" s="87"/>
      <c r="AR7" s="87"/>
      <c r="AS7" s="87"/>
      <c r="AT7" s="87"/>
      <c r="AU7" s="41"/>
      <c r="AV7" s="41"/>
      <c r="AW7" s="41"/>
      <c r="AX7" s="41"/>
      <c r="AY7" s="41"/>
      <c r="AZ7" s="41"/>
      <c r="BA7" s="41"/>
      <c r="BB7" s="41"/>
      <c r="BC7" s="41"/>
      <c r="BD7" s="41"/>
      <c r="BE7" s="41"/>
      <c r="BF7" s="41"/>
      <c r="BG7" s="41"/>
      <c r="BH7" s="41"/>
      <c r="BI7" s="41"/>
      <c r="BJ7" s="41"/>
      <c r="BK7" s="41"/>
      <c r="BL7" s="41"/>
      <c r="BM7" s="41"/>
      <c r="BN7" s="41"/>
      <c r="BO7" s="41"/>
      <c r="BP7" s="41"/>
      <c r="BQ7" s="41"/>
      <c r="BR7" s="41"/>
      <c r="BS7" s="41"/>
      <c r="BT7" s="41"/>
      <c r="BU7" s="41"/>
      <c r="BV7" s="41"/>
      <c r="BW7" s="41"/>
      <c r="BX7" s="41"/>
      <c r="BY7" s="41"/>
      <c r="BZ7" s="41"/>
      <c r="CA7" s="41"/>
      <c r="CB7" s="41"/>
      <c r="CC7" s="41"/>
      <c r="CD7" s="41"/>
      <c r="CE7" s="41"/>
      <c r="CF7" s="41"/>
      <c r="CG7" s="41"/>
      <c r="CH7" s="41"/>
      <c r="CI7" s="41"/>
      <c r="CJ7" s="41"/>
      <c r="CK7" s="41"/>
      <c r="CL7" s="41"/>
      <c r="CM7" s="41"/>
      <c r="CN7" s="41"/>
      <c r="CO7" s="41"/>
      <c r="CP7" s="41"/>
      <c r="CQ7" s="41"/>
      <c r="CR7" s="41"/>
      <c r="CS7" s="41"/>
      <c r="CT7" s="41"/>
      <c r="CU7" s="41"/>
      <c r="CV7" s="41"/>
      <c r="CW7" s="41"/>
      <c r="CX7" s="41"/>
      <c r="CY7" s="41"/>
      <c r="CZ7" s="41"/>
      <c r="DA7" s="41"/>
      <c r="DB7" s="41"/>
      <c r="DC7" s="41"/>
      <c r="DD7" s="41"/>
      <c r="DE7" s="41"/>
      <c r="DF7" s="41"/>
      <c r="DG7" s="41"/>
      <c r="DH7" s="41"/>
      <c r="DI7" s="41"/>
      <c r="DJ7" s="41"/>
      <c r="DK7" s="41"/>
      <c r="DL7" s="41"/>
      <c r="DM7" s="41"/>
      <c r="DN7" s="41"/>
      <c r="DO7" s="41"/>
      <c r="DP7" s="41"/>
      <c r="DQ7" s="41"/>
      <c r="DR7" s="41"/>
      <c r="DS7" s="41"/>
      <c r="DT7" s="41"/>
      <c r="DU7" s="41"/>
      <c r="DV7" s="41"/>
      <c r="DW7" s="41"/>
      <c r="DX7" s="41"/>
      <c r="DY7" s="41"/>
      <c r="DZ7" s="41"/>
      <c r="EA7" s="41"/>
      <c r="EB7" s="41"/>
      <c r="EC7" s="41"/>
      <c r="ED7" s="41"/>
      <c r="EE7" s="41"/>
      <c r="EF7" s="41"/>
      <c r="EG7" s="41"/>
      <c r="EH7" s="41"/>
      <c r="EI7" s="41"/>
      <c r="EJ7" s="41"/>
      <c r="EK7" s="41"/>
      <c r="EL7" s="41"/>
      <c r="EM7" s="41"/>
      <c r="EN7" s="41"/>
      <c r="EO7" s="41"/>
      <c r="EP7" s="41"/>
      <c r="EQ7" s="41"/>
      <c r="ER7" s="41"/>
      <c r="ES7" s="41"/>
      <c r="ET7" s="41"/>
      <c r="EU7" s="41"/>
      <c r="EV7" s="41"/>
      <c r="EW7" s="41"/>
      <c r="EX7" s="41"/>
      <c r="EY7" s="41"/>
      <c r="EZ7" s="41"/>
      <c r="FA7" s="41"/>
      <c r="FB7" s="41"/>
      <c r="FC7" s="41"/>
      <c r="FD7" s="41"/>
      <c r="FE7" s="41"/>
      <c r="FF7" s="41"/>
      <c r="FG7" s="41"/>
      <c r="FH7" s="41"/>
      <c r="FI7" s="41"/>
      <c r="FJ7" s="41"/>
      <c r="FK7" s="41"/>
      <c r="FL7" s="41"/>
      <c r="FM7" s="41"/>
      <c r="FN7" s="41"/>
      <c r="FO7" s="41"/>
      <c r="FP7" s="41"/>
      <c r="FQ7" s="41"/>
      <c r="FR7" s="41"/>
      <c r="FS7" s="41"/>
      <c r="FT7" s="41"/>
      <c r="FU7" s="41"/>
      <c r="FV7" s="41"/>
      <c r="FW7" s="41"/>
      <c r="FX7" s="41"/>
      <c r="FY7" s="41"/>
      <c r="FZ7" s="41"/>
      <c r="GA7" s="41"/>
      <c r="GB7" s="41"/>
      <c r="GC7" s="41"/>
      <c r="GD7" s="41"/>
      <c r="GE7" s="41"/>
      <c r="GF7" s="41"/>
      <c r="GG7" s="41"/>
      <c r="GH7" s="41"/>
      <c r="GI7" s="41"/>
      <c r="GJ7" s="41"/>
      <c r="GK7" s="41"/>
      <c r="GL7" s="41"/>
      <c r="GM7" s="41"/>
      <c r="GN7" s="41"/>
      <c r="GO7" s="41"/>
      <c r="GP7" s="41"/>
      <c r="GQ7" s="41"/>
      <c r="GR7" s="41"/>
      <c r="GS7" s="41"/>
      <c r="GT7" s="41"/>
      <c r="GU7" s="41"/>
      <c r="GV7" s="41"/>
      <c r="GW7" s="41"/>
      <c r="GX7" s="41"/>
      <c r="GY7" s="41"/>
      <c r="GZ7" s="41"/>
      <c r="HA7" s="41"/>
      <c r="HB7" s="41"/>
      <c r="HC7" s="41"/>
      <c r="HD7" s="41"/>
      <c r="HE7" s="41"/>
      <c r="HF7" s="41"/>
      <c r="HG7" s="41"/>
      <c r="HH7" s="41"/>
      <c r="HI7" s="41"/>
      <c r="HJ7" s="41"/>
      <c r="HK7" s="41"/>
      <c r="HL7" s="41"/>
      <c r="HM7" s="41"/>
      <c r="HN7" s="41"/>
      <c r="HO7" s="41"/>
      <c r="HP7" s="41"/>
      <c r="HQ7" s="41"/>
      <c r="HR7" s="41"/>
      <c r="HS7" s="41"/>
      <c r="HT7" s="41"/>
      <c r="HU7" s="41"/>
      <c r="HV7" s="41"/>
      <c r="HW7" s="41"/>
      <c r="HX7" s="41"/>
      <c r="HY7" s="41"/>
      <c r="HZ7" s="41"/>
      <c r="IA7" s="41"/>
      <c r="IB7" s="41"/>
      <c r="IC7" s="41"/>
      <c r="ID7" s="41"/>
      <c r="IE7" s="41"/>
      <c r="IF7" s="41"/>
      <c r="IG7" s="41"/>
      <c r="IH7" s="41"/>
      <c r="II7" s="41"/>
      <c r="IJ7" s="41"/>
      <c r="IK7" s="41"/>
      <c r="IL7" s="41"/>
      <c r="IM7" s="41"/>
      <c r="IN7" s="41"/>
      <c r="IO7" s="41"/>
      <c r="IP7" s="41"/>
      <c r="IQ7" s="41"/>
      <c r="IR7" s="41"/>
      <c r="IS7" s="41"/>
      <c r="IT7" s="41"/>
      <c r="IU7" s="41"/>
      <c r="IV7" s="41"/>
      <c r="IW7" s="41"/>
      <c r="IX7" s="41"/>
      <c r="IY7" s="41"/>
      <c r="IZ7" s="41"/>
      <c r="JA7" s="41"/>
      <c r="JB7" s="41"/>
      <c r="JC7" s="41"/>
      <c r="JD7" s="41"/>
      <c r="JE7" s="41"/>
      <c r="JF7" s="41"/>
      <c r="JG7" s="41"/>
      <c r="JH7" s="41"/>
      <c r="JI7" s="41"/>
      <c r="JJ7" s="41"/>
      <c r="JK7" s="41"/>
      <c r="JL7" s="41"/>
      <c r="JM7" s="41"/>
      <c r="JN7" s="41"/>
      <c r="JO7" s="41"/>
      <c r="JP7" s="41"/>
      <c r="JQ7" s="41"/>
      <c r="JR7" s="41"/>
      <c r="JS7" s="41"/>
      <c r="JT7" s="41"/>
      <c r="JU7" s="41"/>
      <c r="JV7" s="41"/>
      <c r="JW7" s="41"/>
      <c r="JX7" s="41"/>
      <c r="JY7" s="41"/>
      <c r="JZ7" s="41"/>
      <c r="KA7" s="41"/>
      <c r="KB7" s="41"/>
      <c r="KC7" s="41"/>
      <c r="KD7" s="41"/>
      <c r="KE7" s="41"/>
      <c r="KF7" s="41"/>
      <c r="KG7" s="41"/>
      <c r="KH7" s="41"/>
      <c r="KI7" s="41"/>
      <c r="KJ7" s="41"/>
      <c r="KK7" s="41"/>
      <c r="KL7" s="41"/>
      <c r="KM7" s="41"/>
      <c r="KN7" s="41"/>
      <c r="KO7" s="41"/>
      <c r="KP7" s="41"/>
      <c r="KQ7" s="41"/>
      <c r="KR7" s="41"/>
      <c r="KS7" s="41"/>
      <c r="KT7" s="41"/>
      <c r="KU7" s="41"/>
      <c r="KV7" s="41"/>
      <c r="KW7" s="41"/>
      <c r="KX7" s="41"/>
      <c r="KY7" s="41"/>
      <c r="KZ7" s="41"/>
      <c r="LA7" s="41"/>
      <c r="LB7" s="41"/>
      <c r="LC7" s="41"/>
      <c r="LD7" s="41"/>
      <c r="LE7" s="41"/>
      <c r="LF7" s="41"/>
      <c r="LG7" s="41"/>
      <c r="LH7" s="41"/>
      <c r="LI7" s="41"/>
      <c r="LJ7" s="41"/>
      <c r="LK7" s="41"/>
      <c r="LL7" s="41"/>
      <c r="LM7" s="41"/>
      <c r="LN7" s="41"/>
      <c r="LO7" s="41"/>
      <c r="LP7" s="41"/>
      <c r="LQ7" s="41"/>
      <c r="LR7" s="41"/>
      <c r="LS7" s="41"/>
      <c r="LT7" s="41"/>
      <c r="LU7" s="41"/>
      <c r="LV7" s="41"/>
      <c r="LW7" s="41"/>
      <c r="LX7" s="41"/>
      <c r="LY7" s="41"/>
      <c r="LZ7" s="41"/>
      <c r="MA7" s="41"/>
      <c r="MB7" s="41"/>
      <c r="MC7" s="41"/>
      <c r="MD7" s="41"/>
      <c r="ME7" s="41"/>
      <c r="MF7" s="41"/>
      <c r="MG7" s="41"/>
      <c r="MH7" s="41"/>
      <c r="MI7" s="41"/>
      <c r="MJ7" s="41"/>
      <c r="MK7" s="41"/>
      <c r="ML7" s="41"/>
      <c r="MM7" s="41"/>
      <c r="MN7" s="41"/>
      <c r="MO7" s="41"/>
      <c r="MP7" s="41"/>
      <c r="MQ7" s="41"/>
      <c r="MR7" s="41"/>
      <c r="MS7" s="41"/>
      <c r="MT7" s="41"/>
      <c r="MU7" s="41"/>
      <c r="MV7" s="41"/>
      <c r="MW7" s="41"/>
      <c r="MX7" s="41"/>
      <c r="MY7" s="41"/>
      <c r="MZ7" s="41"/>
      <c r="NA7" s="41"/>
      <c r="NB7" s="41"/>
      <c r="NC7" s="41"/>
      <c r="ND7" s="41"/>
      <c r="NE7" s="41"/>
      <c r="NF7" s="41"/>
      <c r="NG7" s="41"/>
      <c r="NH7" s="41"/>
      <c r="NI7" s="41"/>
      <c r="NJ7" s="41"/>
      <c r="NK7" s="41"/>
      <c r="NL7" s="41"/>
      <c r="NM7" s="41"/>
      <c r="NN7" s="41"/>
      <c r="NO7" s="41"/>
      <c r="NP7" s="41"/>
      <c r="NQ7" s="41"/>
      <c r="NR7" s="41"/>
      <c r="NS7" s="41"/>
      <c r="NT7" s="41"/>
      <c r="NU7" s="41"/>
      <c r="NV7" s="41"/>
      <c r="NW7" s="41"/>
      <c r="NX7" s="41"/>
      <c r="NY7" s="41"/>
      <c r="NZ7" s="41"/>
      <c r="OA7" s="41"/>
      <c r="OB7" s="41"/>
      <c r="OC7" s="41"/>
      <c r="OD7" s="41"/>
      <c r="OE7" s="41"/>
      <c r="OF7" s="41"/>
      <c r="OG7" s="41"/>
      <c r="OH7" s="41"/>
      <c r="OI7" s="41"/>
      <c r="OJ7" s="41"/>
      <c r="OK7" s="41"/>
      <c r="OL7" s="41"/>
      <c r="OM7" s="41"/>
      <c r="ON7" s="41"/>
      <c r="OO7" s="41"/>
      <c r="OP7" s="41"/>
      <c r="OQ7" s="41"/>
      <c r="OR7" s="41"/>
      <c r="OS7" s="41"/>
      <c r="OT7" s="41"/>
      <c r="OU7" s="41"/>
      <c r="OV7" s="41"/>
      <c r="OW7" s="41"/>
      <c r="OX7" s="41"/>
      <c r="OY7" s="41"/>
      <c r="OZ7" s="41"/>
      <c r="PA7" s="41"/>
      <c r="PB7" s="41"/>
      <c r="PC7" s="41"/>
      <c r="PD7" s="41"/>
      <c r="PE7" s="41"/>
      <c r="PF7" s="41"/>
      <c r="PG7" s="41"/>
      <c r="PH7" s="41"/>
      <c r="PI7" s="41"/>
      <c r="PJ7" s="41"/>
      <c r="PK7" s="41"/>
      <c r="PL7" s="41"/>
      <c r="PM7" s="41"/>
      <c r="PN7" s="41"/>
      <c r="PO7" s="41"/>
      <c r="PP7" s="41"/>
      <c r="PQ7" s="41"/>
      <c r="PR7" s="41"/>
      <c r="PS7" s="41"/>
      <c r="PT7" s="41"/>
      <c r="PU7" s="41"/>
      <c r="PV7" s="41"/>
      <c r="PW7" s="41"/>
      <c r="PX7" s="41"/>
      <c r="PY7" s="41"/>
      <c r="PZ7" s="41"/>
      <c r="QA7" s="41"/>
      <c r="QB7" s="41"/>
      <c r="QC7" s="41"/>
      <c r="QD7" s="41"/>
      <c r="QE7" s="41"/>
      <c r="QF7" s="41"/>
      <c r="QG7" s="41"/>
      <c r="QH7" s="41"/>
      <c r="QI7" s="41"/>
      <c r="QJ7" s="41"/>
      <c r="QK7" s="41"/>
      <c r="QL7" s="41"/>
      <c r="QM7" s="41"/>
      <c r="QN7" s="41"/>
      <c r="QO7" s="41"/>
      <c r="QP7" s="41"/>
      <c r="QQ7" s="41"/>
      <c r="QR7" s="41"/>
      <c r="QS7" s="41"/>
      <c r="QT7" s="41"/>
      <c r="QU7" s="41"/>
      <c r="QV7" s="41"/>
      <c r="QW7" s="41"/>
      <c r="QX7" s="41"/>
      <c r="QY7" s="41"/>
      <c r="QZ7" s="41"/>
      <c r="RA7" s="41"/>
      <c r="RB7" s="41"/>
      <c r="RC7" s="41"/>
      <c r="RD7" s="41"/>
      <c r="RE7" s="41"/>
      <c r="RF7" s="41"/>
      <c r="RG7" s="41"/>
      <c r="RH7" s="41"/>
      <c r="RI7" s="41"/>
      <c r="RJ7" s="41"/>
      <c r="RK7" s="41"/>
      <c r="RL7" s="41"/>
      <c r="RM7" s="41"/>
      <c r="RN7" s="41"/>
      <c r="RO7" s="41"/>
      <c r="RP7" s="41"/>
      <c r="RQ7" s="41"/>
      <c r="RR7" s="41"/>
      <c r="RS7" s="41"/>
      <c r="RT7" s="41"/>
      <c r="RU7" s="41"/>
      <c r="RV7" s="41"/>
      <c r="RW7" s="41"/>
      <c r="RX7" s="41"/>
      <c r="RY7" s="41"/>
      <c r="RZ7" s="41"/>
      <c r="SA7" s="41"/>
      <c r="SB7" s="41"/>
      <c r="SC7" s="41"/>
      <c r="SD7" s="41"/>
      <c r="SE7" s="41"/>
      <c r="SF7" s="41"/>
      <c r="SG7" s="41"/>
      <c r="SH7" s="41"/>
      <c r="SI7" s="41"/>
      <c r="SJ7" s="41"/>
      <c r="SK7" s="41"/>
      <c r="SL7" s="41"/>
      <c r="SM7" s="41"/>
      <c r="SN7" s="41"/>
      <c r="SO7" s="41"/>
      <c r="SP7" s="41"/>
      <c r="SQ7" s="41"/>
      <c r="SR7" s="41"/>
      <c r="SS7" s="41"/>
      <c r="ST7" s="41"/>
      <c r="SU7" s="41"/>
      <c r="SV7" s="41"/>
      <c r="SW7" s="41"/>
      <c r="SX7" s="41"/>
      <c r="SY7" s="41"/>
      <c r="SZ7" s="41"/>
      <c r="TA7" s="41"/>
      <c r="TB7" s="41"/>
      <c r="TC7" s="41"/>
      <c r="TD7" s="41"/>
      <c r="TE7" s="41"/>
      <c r="TF7" s="41"/>
      <c r="TG7" s="41"/>
      <c r="TH7" s="41"/>
      <c r="TI7" s="41"/>
      <c r="TJ7" s="41"/>
      <c r="TK7" s="41"/>
      <c r="TL7" s="41"/>
      <c r="TM7" s="41"/>
      <c r="TN7" s="41"/>
      <c r="TO7" s="41"/>
      <c r="TP7" s="41"/>
      <c r="TQ7" s="41"/>
      <c r="TR7" s="41"/>
      <c r="TS7" s="41"/>
      <c r="TT7" s="41"/>
      <c r="TU7" s="41"/>
      <c r="TV7" s="41"/>
      <c r="TW7" s="41"/>
      <c r="TX7" s="41"/>
      <c r="TY7" s="41"/>
      <c r="TZ7" s="41"/>
      <c r="UA7" s="41"/>
      <c r="UB7" s="41"/>
      <c r="UC7" s="41"/>
      <c r="UD7" s="41"/>
      <c r="UE7" s="41"/>
      <c r="UF7" s="41"/>
      <c r="UG7" s="41"/>
      <c r="UH7" s="41"/>
      <c r="UI7" s="41"/>
      <c r="UJ7" s="41"/>
      <c r="UK7" s="41"/>
      <c r="UL7" s="41"/>
      <c r="UM7" s="41"/>
      <c r="UN7" s="41"/>
      <c r="UO7" s="41"/>
      <c r="UP7" s="41"/>
      <c r="UQ7" s="41"/>
      <c r="UR7" s="41"/>
      <c r="US7" s="41"/>
      <c r="UT7" s="41"/>
      <c r="UU7" s="41"/>
      <c r="UV7" s="41"/>
      <c r="UW7" s="41"/>
      <c r="UX7" s="41"/>
      <c r="UY7" s="41"/>
      <c r="UZ7" s="41"/>
      <c r="VA7" s="41"/>
      <c r="VB7" s="41"/>
      <c r="VC7" s="41"/>
      <c r="VD7" s="41"/>
      <c r="VE7" s="41"/>
      <c r="VF7" s="41"/>
      <c r="VG7" s="41"/>
      <c r="VH7" s="41"/>
      <c r="VI7" s="41"/>
      <c r="VJ7" s="41"/>
      <c r="VK7" s="41"/>
      <c r="VL7" s="41"/>
      <c r="VM7" s="41"/>
      <c r="VN7" s="41"/>
      <c r="VO7" s="41"/>
      <c r="VP7" s="41"/>
      <c r="VQ7" s="41"/>
      <c r="VR7" s="41"/>
      <c r="VS7" s="41"/>
      <c r="VT7" s="41"/>
      <c r="VU7" s="41"/>
      <c r="VV7" s="41"/>
      <c r="VW7" s="41"/>
      <c r="VX7" s="41"/>
      <c r="VY7" s="41"/>
      <c r="VZ7" s="41"/>
      <c r="WA7" s="41"/>
      <c r="WB7" s="41"/>
      <c r="WC7" s="41"/>
      <c r="WD7" s="41"/>
      <c r="WE7" s="41"/>
      <c r="WF7" s="41"/>
      <c r="WG7" s="41"/>
      <c r="WH7" s="41"/>
      <c r="WI7" s="41"/>
      <c r="WJ7" s="41"/>
      <c r="WK7" s="41"/>
      <c r="WL7" s="41"/>
      <c r="WM7" s="41"/>
      <c r="WN7" s="41"/>
    </row>
    <row r="8" spans="1:612" ht="14.25">
      <c r="A8" s="61">
        <v>1</v>
      </c>
      <c r="B8" s="88" t="s">
        <v>13</v>
      </c>
      <c r="C8" s="92"/>
      <c r="D8" s="92"/>
      <c r="E8" s="89"/>
      <c r="F8" s="34"/>
      <c r="G8" s="35">
        <v>120</v>
      </c>
      <c r="H8" s="35">
        <v>120</v>
      </c>
      <c r="I8" s="35">
        <f>+H8-G8</f>
        <v>0</v>
      </c>
      <c r="J8" s="36"/>
      <c r="K8" s="84"/>
      <c r="L8" s="83" t="str">
        <f t="shared" ref="L8" si="0">IF(AND(H8&lt;&gt;0,G8=0),"○","")</f>
        <v/>
      </c>
      <c r="M8" s="25"/>
      <c r="N8" s="25"/>
      <c r="O8" s="25"/>
      <c r="P8" s="25"/>
      <c r="Q8" s="25"/>
      <c r="U8" s="73"/>
      <c r="AC8" s="37"/>
      <c r="AD8" s="37"/>
      <c r="AE8" s="37"/>
      <c r="AL8" s="11">
        <f t="shared" ref="AL8" si="1">IF(AH8=0,AG8,IF(AI8=0,CONCATENATE(AG8,AH8),IF(AJ8=0,CONCATENATE(AG8,AH8,AI8),IF(AJ8="事項",0,CONCATENATE(AG8,AH8,AI8,AJ8)))))</f>
        <v>0</v>
      </c>
      <c r="AO8" s="11"/>
    </row>
    <row r="9" spans="1:612" ht="14.25">
      <c r="A9" s="61">
        <v>2</v>
      </c>
      <c r="B9" s="39"/>
      <c r="C9" s="88" t="s">
        <v>2</v>
      </c>
      <c r="D9" s="92"/>
      <c r="E9" s="89"/>
      <c r="F9" s="34"/>
      <c r="G9" s="35">
        <v>120</v>
      </c>
      <c r="H9" s="35">
        <v>120</v>
      </c>
      <c r="I9" s="35">
        <f t="shared" ref="I9" si="2">+H9-G9</f>
        <v>0</v>
      </c>
      <c r="J9" s="36"/>
      <c r="K9" s="85"/>
      <c r="L9" s="83" t="str">
        <f t="shared" ref="L9" si="3">IF(AND(H9&lt;&gt;0,G9=0),"○","")</f>
        <v/>
      </c>
      <c r="M9" s="25"/>
      <c r="N9" s="25"/>
      <c r="O9" s="25"/>
      <c r="P9" s="25"/>
      <c r="Q9" s="25"/>
      <c r="U9" s="73"/>
      <c r="AC9" s="37"/>
      <c r="AD9" s="37"/>
      <c r="AE9" s="37"/>
      <c r="AL9" s="11">
        <f t="shared" ref="AL9" si="4">IF(AH9=0,AG9,IF(AI9=0,CONCATENATE(AG9,AH9),IF(AJ9=0,CONCATENATE(AG9,AH9,AI9),IF(AJ9="事項",0,CONCATENATE(AG9,AH9,AI9,AJ9)))))</f>
        <v>0</v>
      </c>
      <c r="AO9" s="11"/>
    </row>
    <row r="10" spans="1:612" ht="14.25">
      <c r="A10" s="61">
        <v>3</v>
      </c>
      <c r="B10" s="39"/>
      <c r="C10" s="39"/>
      <c r="D10" s="88" t="s">
        <v>12</v>
      </c>
      <c r="E10" s="89"/>
      <c r="F10" s="40"/>
      <c r="G10" s="35">
        <v>120</v>
      </c>
      <c r="H10" s="35">
        <v>120</v>
      </c>
      <c r="I10" s="35">
        <f t="shared" ref="I10:I11" si="5">+H10-G10</f>
        <v>0</v>
      </c>
      <c r="J10" s="36"/>
      <c r="K10" s="85"/>
      <c r="L10" s="83" t="str">
        <f t="shared" ref="L10:L11" si="6">IF(AND(H10&lt;&gt;0,G10=0),"○","")</f>
        <v/>
      </c>
      <c r="M10" s="25"/>
      <c r="N10" s="25"/>
      <c r="O10" s="25"/>
      <c r="P10" s="25"/>
      <c r="Q10" s="25"/>
      <c r="U10" s="73"/>
      <c r="AC10" s="37"/>
      <c r="AD10" s="37"/>
      <c r="AE10" s="37"/>
      <c r="AL10" s="11">
        <f t="shared" ref="AL10:AL11" si="7">IF(AH10=0,AG10,IF(AI10=0,CONCATENATE(AG10,AH10),IF(AJ10=0,CONCATENATE(AG10,AH10,AI10),IF(AJ10="事項",0,CONCATENATE(AG10,AH10,AI10,AJ10)))))</f>
        <v>0</v>
      </c>
      <c r="AO10" s="11"/>
    </row>
    <row r="11" spans="1:612" ht="14.25">
      <c r="A11" s="61">
        <v>4</v>
      </c>
      <c r="B11" s="39"/>
      <c r="C11" s="39"/>
      <c r="D11" s="38"/>
      <c r="E11" s="80" t="s">
        <v>3</v>
      </c>
      <c r="F11" s="77" t="s">
        <v>17</v>
      </c>
      <c r="G11" s="35">
        <v>120</v>
      </c>
      <c r="H11" s="35">
        <v>120</v>
      </c>
      <c r="I11" s="35">
        <f t="shared" si="5"/>
        <v>0</v>
      </c>
      <c r="J11" s="36"/>
      <c r="K11" s="85"/>
      <c r="L11" s="83" t="str">
        <f t="shared" si="6"/>
        <v/>
      </c>
      <c r="M11" s="25"/>
      <c r="N11" s="25"/>
      <c r="O11" s="25"/>
      <c r="P11" s="25"/>
      <c r="Q11" s="25"/>
      <c r="U11" s="73"/>
      <c r="AC11" s="37"/>
      <c r="AD11" s="37"/>
      <c r="AE11" s="37"/>
      <c r="AI11" s="11">
        <f>IF(AH10=AH11,IF(O11="目",D11,AI10),0)</f>
        <v>0</v>
      </c>
      <c r="AL11" s="11">
        <f t="shared" si="7"/>
        <v>0</v>
      </c>
      <c r="AO11" s="11"/>
    </row>
    <row r="12" spans="1:612" ht="27.75" customHeight="1" thickBot="1">
      <c r="A12" s="90" t="s">
        <v>4</v>
      </c>
      <c r="B12" s="91"/>
      <c r="C12" s="91"/>
      <c r="D12" s="91"/>
      <c r="E12" s="91"/>
      <c r="F12" s="42"/>
      <c r="G12" s="43">
        <v>120</v>
      </c>
      <c r="H12" s="43">
        <v>120</v>
      </c>
      <c r="I12" s="44">
        <f t="shared" ref="I12" si="8">+H12-G12</f>
        <v>0</v>
      </c>
      <c r="J12" s="45"/>
      <c r="K12" s="86"/>
      <c r="L12" s="83" t="str">
        <f t="shared" ref="L12" si="9">IF(AND(H12&lt;&gt;0,G12=0),"○","")</f>
        <v/>
      </c>
      <c r="M12" s="25"/>
      <c r="N12" s="25"/>
      <c r="O12" s="25"/>
      <c r="P12" s="25"/>
      <c r="Q12" s="25"/>
      <c r="U12" s="73"/>
      <c r="AC12" s="37"/>
      <c r="AD12" s="37"/>
      <c r="AE12" s="37"/>
      <c r="AO12" s="11"/>
    </row>
    <row r="13" spans="1:612" ht="8.25" customHeight="1">
      <c r="A13" s="60"/>
      <c r="B13" s="60"/>
      <c r="C13" s="60"/>
      <c r="D13" s="60"/>
      <c r="E13" s="60"/>
      <c r="F13" s="63"/>
      <c r="G13" s="64"/>
      <c r="H13" s="64"/>
      <c r="I13" s="64"/>
      <c r="J13" s="65"/>
      <c r="K13" s="66"/>
      <c r="L13" s="71"/>
      <c r="M13" s="25"/>
      <c r="N13" s="25"/>
      <c r="O13" s="25"/>
      <c r="P13" s="25"/>
      <c r="Q13" s="25"/>
      <c r="U13" s="73"/>
      <c r="AC13" s="37"/>
      <c r="AD13" s="37"/>
      <c r="AE13" s="37"/>
      <c r="AO13" s="11"/>
    </row>
    <row r="14" spans="1:612" s="41" customFormat="1" ht="21.75" customHeight="1">
      <c r="A14" s="46"/>
      <c r="B14" s="74"/>
      <c r="C14" s="75"/>
      <c r="D14" s="75"/>
      <c r="E14" s="75"/>
      <c r="F14" s="75"/>
      <c r="G14" s="75"/>
      <c r="H14" s="75"/>
      <c r="I14" s="75"/>
      <c r="J14" s="50"/>
      <c r="K14" s="51"/>
      <c r="L14" s="72"/>
      <c r="M14" s="25"/>
      <c r="N14" s="25"/>
      <c r="O14" s="25"/>
      <c r="P14" s="25"/>
      <c r="Q14" s="25"/>
      <c r="U14" s="73"/>
      <c r="AA14" s="52"/>
      <c r="AG14" s="11"/>
      <c r="AH14" s="11"/>
      <c r="AI14" s="11"/>
      <c r="AJ14" s="11"/>
      <c r="AK14" s="11"/>
      <c r="AL14" s="11"/>
      <c r="AM14" s="8"/>
      <c r="AN14" s="8"/>
      <c r="AO14" s="11"/>
    </row>
    <row r="15" spans="1:612" ht="18" customHeight="1">
      <c r="G15" s="64"/>
      <c r="H15" s="64"/>
      <c r="I15" s="64"/>
      <c r="J15" s="54"/>
    </row>
    <row r="16" spans="1:612" ht="18" customHeight="1">
      <c r="G16" s="64"/>
      <c r="H16" s="64"/>
      <c r="I16" s="64"/>
      <c r="J16" s="54"/>
    </row>
    <row r="17" spans="1:38" s="41" customFormat="1" ht="18" customHeight="1">
      <c r="A17" s="46"/>
      <c r="B17" s="47"/>
      <c r="C17" s="47"/>
      <c r="D17" s="47"/>
      <c r="E17" s="47"/>
      <c r="F17" s="55"/>
      <c r="G17" s="64"/>
      <c r="H17" s="64"/>
      <c r="I17" s="64"/>
      <c r="J17" s="56"/>
      <c r="K17" s="51"/>
      <c r="L17" s="72"/>
      <c r="M17" s="25"/>
      <c r="N17" s="25"/>
      <c r="O17" s="25"/>
      <c r="P17" s="25"/>
      <c r="Q17" s="25"/>
      <c r="U17" s="73"/>
      <c r="AA17" s="52"/>
      <c r="AG17" s="53"/>
      <c r="AH17" s="53"/>
      <c r="AI17" s="53"/>
      <c r="AJ17" s="53"/>
      <c r="AK17" s="53"/>
      <c r="AL17" s="53"/>
    </row>
    <row r="18" spans="1:38" ht="18" customHeight="1">
      <c r="G18" s="64"/>
      <c r="H18" s="64"/>
      <c r="I18" s="64"/>
      <c r="J18" s="56"/>
      <c r="K18" s="51"/>
      <c r="L18" s="72"/>
    </row>
    <row r="19" spans="1:38" ht="18" customHeight="1">
      <c r="G19" s="64"/>
      <c r="H19" s="64"/>
      <c r="I19" s="64"/>
      <c r="J19" s="56"/>
      <c r="K19" s="51"/>
      <c r="L19" s="72"/>
    </row>
    <row r="20" spans="1:38" s="41" customFormat="1" ht="18" customHeight="1">
      <c r="A20" s="46"/>
      <c r="B20" s="47"/>
      <c r="C20" s="47"/>
      <c r="D20" s="47"/>
      <c r="E20" s="47"/>
      <c r="F20" s="55"/>
      <c r="G20" s="64"/>
      <c r="H20" s="64"/>
      <c r="I20" s="64"/>
      <c r="J20" s="56"/>
      <c r="K20" s="51"/>
      <c r="L20" s="72"/>
      <c r="M20" s="25"/>
      <c r="N20" s="25"/>
      <c r="O20" s="25"/>
      <c r="P20" s="25"/>
      <c r="Q20" s="25"/>
      <c r="U20" s="73"/>
      <c r="AA20" s="52"/>
      <c r="AG20" s="53"/>
      <c r="AH20" s="53"/>
      <c r="AI20" s="53"/>
      <c r="AJ20" s="53"/>
      <c r="AK20" s="53"/>
      <c r="AL20" s="53"/>
    </row>
    <row r="21" spans="1:38" ht="18" customHeight="1">
      <c r="G21" s="64"/>
      <c r="H21" s="64"/>
      <c r="I21" s="64"/>
      <c r="J21" s="56"/>
      <c r="K21" s="51"/>
      <c r="L21" s="72"/>
    </row>
    <row r="22" spans="1:38" ht="18" customHeight="1">
      <c r="G22" s="64"/>
      <c r="H22" s="64"/>
      <c r="I22" s="64"/>
      <c r="J22" s="54"/>
    </row>
    <row r="23" spans="1:38" s="41" customFormat="1" ht="18" customHeight="1">
      <c r="A23" s="46"/>
      <c r="B23" s="47"/>
      <c r="C23" s="47"/>
      <c r="D23" s="47"/>
      <c r="E23" s="47"/>
      <c r="F23" s="55"/>
      <c r="G23" s="64"/>
      <c r="H23" s="64"/>
      <c r="I23" s="64"/>
      <c r="J23" s="56"/>
      <c r="K23" s="51"/>
      <c r="L23" s="72"/>
      <c r="M23" s="25"/>
      <c r="N23" s="25"/>
      <c r="O23" s="25"/>
      <c r="P23" s="25"/>
      <c r="Q23" s="25"/>
      <c r="U23" s="73"/>
      <c r="AA23" s="52"/>
      <c r="AG23" s="53"/>
      <c r="AH23" s="53"/>
      <c r="AI23" s="53"/>
      <c r="AJ23" s="53"/>
      <c r="AK23" s="53"/>
      <c r="AL23" s="53"/>
    </row>
    <row r="24" spans="1:38" ht="18" customHeight="1">
      <c r="G24" s="64"/>
      <c r="H24" s="64"/>
      <c r="I24" s="64"/>
    </row>
    <row r="25" spans="1:38" ht="18" customHeight="1">
      <c r="G25" s="81"/>
      <c r="H25" s="81"/>
      <c r="I25" s="81"/>
    </row>
    <row r="34" spans="1:38" s="5" customFormat="1" ht="18" customHeight="1">
      <c r="A34" s="21"/>
      <c r="B34" s="1"/>
      <c r="C34" s="1"/>
      <c r="D34" s="1"/>
      <c r="E34" s="1"/>
      <c r="F34" s="14"/>
      <c r="I34" s="4"/>
      <c r="J34" s="15"/>
      <c r="K34" s="16"/>
      <c r="L34" s="69"/>
      <c r="M34" s="7"/>
      <c r="N34" s="7"/>
      <c r="O34" s="7"/>
      <c r="P34" s="7"/>
      <c r="Q34" s="7"/>
      <c r="U34" s="57"/>
      <c r="AA34" s="58"/>
      <c r="AG34" s="59"/>
      <c r="AH34" s="59"/>
      <c r="AI34" s="59"/>
      <c r="AJ34" s="59"/>
      <c r="AK34" s="59"/>
      <c r="AL34" s="59"/>
    </row>
    <row r="35" spans="1:38" s="5" customFormat="1" ht="18" customHeight="1">
      <c r="A35" s="21"/>
      <c r="B35" s="1"/>
      <c r="C35" s="1"/>
      <c r="D35" s="1"/>
      <c r="E35" s="1"/>
      <c r="F35" s="14"/>
      <c r="I35" s="4"/>
      <c r="J35" s="15"/>
      <c r="K35" s="16"/>
      <c r="L35" s="69"/>
      <c r="M35" s="7"/>
      <c r="N35" s="7"/>
      <c r="O35" s="7"/>
      <c r="P35" s="7"/>
      <c r="Q35" s="7"/>
      <c r="U35" s="57"/>
      <c r="AA35" s="58"/>
      <c r="AG35" s="59"/>
      <c r="AH35" s="59"/>
      <c r="AI35" s="59"/>
      <c r="AJ35" s="59"/>
      <c r="AK35" s="59"/>
      <c r="AL35" s="59"/>
    </row>
    <row r="36" spans="1:38" s="5" customFormat="1" ht="18" customHeight="1">
      <c r="A36" s="21"/>
      <c r="B36" s="1"/>
      <c r="C36" s="1"/>
      <c r="D36" s="1"/>
      <c r="E36" s="1"/>
      <c r="F36" s="14"/>
      <c r="I36" s="4"/>
      <c r="J36" s="15"/>
      <c r="K36" s="16"/>
      <c r="L36" s="69"/>
      <c r="M36" s="7"/>
      <c r="N36" s="7"/>
      <c r="O36" s="7"/>
      <c r="P36" s="7"/>
      <c r="Q36" s="7"/>
      <c r="U36" s="57"/>
      <c r="AA36" s="58"/>
      <c r="AG36" s="59"/>
      <c r="AH36" s="59"/>
      <c r="AI36" s="59"/>
      <c r="AJ36" s="59"/>
      <c r="AK36" s="59"/>
      <c r="AL36" s="59"/>
    </row>
    <row r="37" spans="1:38" s="5" customFormat="1" ht="18" customHeight="1">
      <c r="A37" s="21"/>
      <c r="B37" s="1"/>
      <c r="C37" s="1"/>
      <c r="D37" s="1"/>
      <c r="E37" s="1"/>
      <c r="F37" s="14"/>
      <c r="I37" s="4"/>
      <c r="J37" s="15"/>
      <c r="K37" s="16"/>
      <c r="L37" s="69"/>
      <c r="M37" s="7"/>
      <c r="N37" s="7"/>
      <c r="O37" s="7"/>
      <c r="P37" s="7"/>
      <c r="Q37" s="7"/>
      <c r="U37" s="57"/>
      <c r="AA37" s="58"/>
      <c r="AG37" s="59"/>
      <c r="AH37" s="59"/>
      <c r="AI37" s="59"/>
      <c r="AJ37" s="59"/>
      <c r="AK37" s="59"/>
      <c r="AL37" s="59"/>
    </row>
    <row r="38" spans="1:38" s="5" customFormat="1" ht="18" customHeight="1">
      <c r="A38" s="21"/>
      <c r="B38" s="1"/>
      <c r="C38" s="1"/>
      <c r="D38" s="1"/>
      <c r="E38" s="1"/>
      <c r="F38" s="14"/>
      <c r="I38" s="4"/>
      <c r="J38" s="15"/>
      <c r="K38" s="16"/>
      <c r="L38" s="69"/>
      <c r="M38" s="7"/>
      <c r="N38" s="7"/>
      <c r="O38" s="7"/>
      <c r="P38" s="7"/>
      <c r="Q38" s="7"/>
      <c r="U38" s="57"/>
      <c r="AA38" s="58"/>
      <c r="AG38" s="59"/>
      <c r="AH38" s="59"/>
      <c r="AI38" s="59"/>
      <c r="AJ38" s="59"/>
      <c r="AK38" s="59"/>
      <c r="AL38" s="59"/>
    </row>
    <row r="39" spans="1:38" s="5" customFormat="1" ht="18" customHeight="1">
      <c r="A39" s="21"/>
      <c r="B39" s="1"/>
      <c r="C39" s="1"/>
      <c r="D39" s="1"/>
      <c r="E39" s="1"/>
      <c r="F39" s="14"/>
      <c r="I39" s="4"/>
      <c r="J39" s="15"/>
      <c r="K39" s="16"/>
      <c r="L39" s="69"/>
      <c r="M39" s="7"/>
      <c r="N39" s="7"/>
      <c r="O39" s="7"/>
      <c r="P39" s="7"/>
      <c r="Q39" s="7"/>
      <c r="U39" s="57"/>
      <c r="AA39" s="58"/>
      <c r="AG39" s="59"/>
      <c r="AH39" s="59"/>
      <c r="AI39" s="59"/>
      <c r="AJ39" s="59"/>
      <c r="AK39" s="59"/>
      <c r="AL39" s="59"/>
    </row>
    <row r="40" spans="1:38" s="5" customFormat="1" ht="18" customHeight="1">
      <c r="A40" s="21"/>
      <c r="B40" s="1"/>
      <c r="C40" s="1"/>
      <c r="D40" s="1"/>
      <c r="E40" s="1"/>
      <c r="F40" s="14"/>
      <c r="I40" s="4"/>
      <c r="J40" s="15"/>
      <c r="K40" s="16"/>
      <c r="L40" s="69"/>
      <c r="M40" s="7"/>
      <c r="N40" s="7"/>
      <c r="O40" s="7"/>
      <c r="P40" s="7"/>
      <c r="Q40" s="7"/>
      <c r="U40" s="57"/>
      <c r="AA40" s="58"/>
      <c r="AG40" s="59"/>
      <c r="AH40" s="59"/>
      <c r="AI40" s="59"/>
      <c r="AJ40" s="59"/>
      <c r="AK40" s="59"/>
      <c r="AL40" s="59"/>
    </row>
    <row r="41" spans="1:38" s="5" customFormat="1" ht="18" customHeight="1">
      <c r="A41" s="21"/>
      <c r="B41" s="1"/>
      <c r="C41" s="1"/>
      <c r="D41" s="1"/>
      <c r="E41" s="1"/>
      <c r="F41" s="14"/>
      <c r="I41" s="4"/>
      <c r="J41" s="15"/>
      <c r="K41" s="16"/>
      <c r="L41" s="69"/>
      <c r="M41" s="7"/>
      <c r="N41" s="7"/>
      <c r="O41" s="7"/>
      <c r="P41" s="7"/>
      <c r="Q41" s="7"/>
      <c r="U41" s="57"/>
      <c r="AA41" s="58"/>
      <c r="AG41" s="59"/>
      <c r="AH41" s="59"/>
      <c r="AI41" s="59"/>
      <c r="AJ41" s="59"/>
      <c r="AK41" s="59"/>
      <c r="AL41" s="59"/>
    </row>
    <row r="42" spans="1:38" s="5" customFormat="1" ht="18" customHeight="1">
      <c r="A42" s="21"/>
      <c r="B42" s="1"/>
      <c r="C42" s="1"/>
      <c r="D42" s="1"/>
      <c r="E42" s="1"/>
      <c r="F42" s="14"/>
      <c r="I42" s="4"/>
      <c r="J42" s="15"/>
      <c r="K42" s="16"/>
      <c r="L42" s="69"/>
      <c r="M42" s="7"/>
      <c r="N42" s="7"/>
      <c r="O42" s="7"/>
      <c r="P42" s="7"/>
      <c r="Q42" s="7"/>
      <c r="U42" s="57"/>
      <c r="AA42" s="58"/>
      <c r="AG42" s="59"/>
      <c r="AH42" s="59"/>
      <c r="AI42" s="59"/>
      <c r="AJ42" s="59"/>
      <c r="AK42" s="59"/>
      <c r="AL42" s="59"/>
    </row>
    <row r="43" spans="1:38" s="5" customFormat="1" ht="18" customHeight="1">
      <c r="A43" s="21"/>
      <c r="B43" s="1"/>
      <c r="C43" s="1"/>
      <c r="D43" s="1"/>
      <c r="E43" s="1"/>
      <c r="F43" s="14"/>
      <c r="I43" s="4"/>
      <c r="J43" s="15"/>
      <c r="K43" s="16"/>
      <c r="L43" s="69"/>
      <c r="M43" s="7"/>
      <c r="N43" s="7"/>
      <c r="O43" s="7"/>
      <c r="P43" s="7"/>
      <c r="Q43" s="7"/>
      <c r="U43" s="57"/>
      <c r="AA43" s="58"/>
      <c r="AG43" s="59"/>
      <c r="AH43" s="59"/>
      <c r="AI43" s="59"/>
      <c r="AJ43" s="59"/>
      <c r="AK43" s="59"/>
      <c r="AL43" s="59"/>
    </row>
    <row r="44" spans="1:38" s="5" customFormat="1" ht="18" customHeight="1">
      <c r="A44" s="21"/>
      <c r="B44" s="1"/>
      <c r="C44" s="1"/>
      <c r="D44" s="1"/>
      <c r="E44" s="1"/>
      <c r="F44" s="55"/>
      <c r="G44" s="49"/>
      <c r="H44" s="49"/>
      <c r="I44" s="48"/>
      <c r="J44" s="15"/>
      <c r="K44" s="16"/>
      <c r="L44" s="69"/>
      <c r="M44" s="7"/>
      <c r="N44" s="7"/>
      <c r="O44" s="7"/>
      <c r="P44" s="7"/>
      <c r="Q44" s="7"/>
      <c r="U44" s="57"/>
      <c r="AA44" s="58"/>
      <c r="AG44" s="59"/>
      <c r="AH44" s="59"/>
      <c r="AI44" s="59"/>
      <c r="AJ44" s="59"/>
      <c r="AK44" s="59"/>
      <c r="AL44" s="59"/>
    </row>
    <row r="45" spans="1:38" s="5" customFormat="1" ht="18" customHeight="1">
      <c r="A45" s="21"/>
      <c r="B45" s="1"/>
      <c r="C45" s="1"/>
      <c r="D45" s="1"/>
      <c r="E45" s="1"/>
      <c r="F45" s="55"/>
      <c r="G45" s="49"/>
      <c r="H45" s="49"/>
      <c r="I45" s="48"/>
      <c r="J45" s="15"/>
      <c r="K45" s="16"/>
      <c r="L45" s="69"/>
      <c r="M45" s="7"/>
      <c r="N45" s="7"/>
      <c r="O45" s="7"/>
      <c r="P45" s="7"/>
      <c r="Q45" s="7"/>
      <c r="U45" s="57"/>
      <c r="AA45" s="58"/>
      <c r="AG45" s="59"/>
      <c r="AH45" s="59"/>
      <c r="AI45" s="59"/>
      <c r="AJ45" s="59"/>
      <c r="AK45" s="59"/>
      <c r="AL45" s="59"/>
    </row>
    <row r="46" spans="1:38" s="5" customFormat="1" ht="18" customHeight="1">
      <c r="A46" s="21"/>
      <c r="B46" s="1"/>
      <c r="C46" s="1"/>
      <c r="D46" s="1"/>
      <c r="E46" s="1"/>
      <c r="F46" s="55"/>
      <c r="G46" s="49"/>
      <c r="H46" s="49"/>
      <c r="I46" s="48"/>
      <c r="J46" s="15"/>
      <c r="K46" s="16"/>
      <c r="L46" s="69"/>
      <c r="M46" s="7"/>
      <c r="N46" s="7"/>
      <c r="O46" s="7"/>
      <c r="P46" s="7"/>
      <c r="Q46" s="7"/>
      <c r="U46" s="57"/>
      <c r="AA46" s="58"/>
      <c r="AG46" s="59"/>
      <c r="AH46" s="59"/>
      <c r="AI46" s="59"/>
      <c r="AJ46" s="59"/>
      <c r="AK46" s="59"/>
      <c r="AL46" s="59"/>
    </row>
    <row r="47" spans="1:38" s="5" customFormat="1" ht="18" customHeight="1">
      <c r="A47" s="21"/>
      <c r="B47" s="1"/>
      <c r="C47" s="1"/>
      <c r="D47" s="1"/>
      <c r="E47" s="1"/>
      <c r="F47" s="55"/>
      <c r="G47" s="49"/>
      <c r="H47" s="49"/>
      <c r="I47" s="48"/>
      <c r="J47" s="15"/>
      <c r="K47" s="16"/>
      <c r="L47" s="69"/>
      <c r="M47" s="7"/>
      <c r="N47" s="7"/>
      <c r="O47" s="7"/>
      <c r="P47" s="7"/>
      <c r="Q47" s="7"/>
      <c r="U47" s="57"/>
      <c r="AA47" s="58"/>
      <c r="AG47" s="59"/>
      <c r="AH47" s="59"/>
      <c r="AI47" s="59"/>
      <c r="AJ47" s="59"/>
      <c r="AK47" s="59"/>
      <c r="AL47" s="59"/>
    </row>
    <row r="48" spans="1:38" s="5" customFormat="1" ht="18" customHeight="1">
      <c r="A48" s="21"/>
      <c r="B48" s="1"/>
      <c r="C48" s="1"/>
      <c r="D48" s="1"/>
      <c r="E48" s="1"/>
      <c r="F48" s="55"/>
      <c r="G48" s="49"/>
      <c r="H48" s="49"/>
      <c r="I48" s="48"/>
      <c r="J48" s="15"/>
      <c r="K48" s="16"/>
      <c r="L48" s="69"/>
      <c r="M48" s="7"/>
      <c r="N48" s="7"/>
      <c r="O48" s="7"/>
      <c r="P48" s="7"/>
      <c r="Q48" s="7"/>
      <c r="U48" s="57"/>
      <c r="AA48" s="58"/>
      <c r="AG48" s="59"/>
      <c r="AH48" s="59"/>
      <c r="AI48" s="59"/>
      <c r="AJ48" s="59"/>
      <c r="AK48" s="59"/>
      <c r="AL48" s="59"/>
    </row>
    <row r="49" spans="1:38" s="5" customFormat="1" ht="18" customHeight="1">
      <c r="A49" s="21"/>
      <c r="B49" s="1"/>
      <c r="C49" s="1"/>
      <c r="D49" s="1"/>
      <c r="E49" s="1"/>
      <c r="F49" s="55"/>
      <c r="G49" s="49"/>
      <c r="H49" s="49"/>
      <c r="I49" s="48"/>
      <c r="J49" s="15"/>
      <c r="K49" s="16"/>
      <c r="L49" s="69"/>
      <c r="M49" s="7"/>
      <c r="N49" s="7"/>
      <c r="O49" s="7"/>
      <c r="P49" s="7"/>
      <c r="Q49" s="7"/>
      <c r="U49" s="57"/>
      <c r="AA49" s="58"/>
      <c r="AG49" s="59"/>
      <c r="AH49" s="59"/>
      <c r="AI49" s="59"/>
      <c r="AJ49" s="59"/>
      <c r="AK49" s="59"/>
      <c r="AL49" s="59"/>
    </row>
    <row r="50" spans="1:38" s="5" customFormat="1" ht="18.75" customHeight="1">
      <c r="A50" s="21"/>
      <c r="B50" s="1"/>
      <c r="C50" s="1"/>
      <c r="D50" s="1"/>
      <c r="E50" s="1"/>
      <c r="F50" s="55"/>
      <c r="G50" s="49"/>
      <c r="H50" s="49"/>
      <c r="I50" s="48"/>
      <c r="J50" s="15"/>
      <c r="K50" s="16"/>
      <c r="L50" s="69"/>
      <c r="M50" s="7"/>
      <c r="N50" s="7"/>
      <c r="O50" s="7"/>
      <c r="P50" s="7"/>
      <c r="Q50" s="7"/>
      <c r="U50" s="57"/>
      <c r="AA50" s="58"/>
      <c r="AG50" s="59"/>
      <c r="AH50" s="59"/>
      <c r="AI50" s="59"/>
      <c r="AJ50" s="59"/>
      <c r="AK50" s="59"/>
      <c r="AL50" s="59"/>
    </row>
    <row r="51" spans="1:38" s="5" customFormat="1" ht="18.75" customHeight="1">
      <c r="A51" s="21"/>
      <c r="B51" s="1"/>
      <c r="C51" s="1"/>
      <c r="D51" s="1"/>
      <c r="E51" s="1"/>
      <c r="F51" s="55"/>
      <c r="G51" s="49"/>
      <c r="H51" s="49"/>
      <c r="I51" s="48"/>
      <c r="J51" s="15"/>
      <c r="K51" s="16"/>
      <c r="L51" s="69"/>
      <c r="M51" s="7"/>
      <c r="N51" s="7"/>
      <c r="O51" s="7"/>
      <c r="P51" s="7"/>
      <c r="Q51" s="7"/>
      <c r="U51" s="57"/>
      <c r="AA51" s="58"/>
      <c r="AG51" s="59"/>
      <c r="AH51" s="59"/>
      <c r="AI51" s="59"/>
      <c r="AJ51" s="59"/>
      <c r="AK51" s="59"/>
      <c r="AL51" s="59"/>
    </row>
    <row r="52" spans="1:38" ht="18" customHeight="1">
      <c r="F52" s="55"/>
      <c r="G52" s="49"/>
      <c r="H52" s="49"/>
      <c r="I52" s="48"/>
    </row>
  </sheetData>
  <autoFilter ref="A6:GP12">
    <filterColumn colId="1" showButton="0"/>
    <filterColumn colId="2" showButton="0"/>
    <filterColumn colId="3" showButton="0"/>
    <filterColumn colId="9" showButton="0"/>
    <filterColumn colId="32" showButton="0"/>
    <filterColumn colId="33" showButton="0"/>
    <filterColumn colId="34" showButton="0"/>
    <filterColumn colId="35" showButton="0"/>
    <filterColumn colId="36" showButton="0"/>
    <filterColumn colId="37" showButton="0"/>
    <filterColumn colId="38" showButton="0"/>
    <filterColumn colId="40" showButton="0"/>
    <filterColumn colId="41" showButton="0"/>
    <filterColumn colId="42" showButton="0"/>
    <filterColumn colId="43" showButton="0"/>
    <filterColumn colId="44" showButton="0"/>
  </autoFilter>
  <customSheetViews>
    <customSheetView guid="{5F0F1A79-0791-4C2C-8D13-6CD22FD0499B}" showPageBreaks="1" fitToPage="1" printArea="1" showAutoFilter="1" hiddenColumns="1" view="pageBreakPreview">
      <pane ySplit="7" topLeftCell="A386" activePane="bottomLeft" state="frozen"/>
      <selection pane="bottomLeft" activeCell="H389" sqref="H389"/>
      <rowBreaks count="2" manualBreakCount="2">
        <brk id="1005" max="11" man="1"/>
        <brk id="1040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1"/>
      <headerFooter>
        <oddFooter>&amp;C&amp;P</oddFooter>
      </headerFooter>
      <autoFilter ref="A6:AV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64D5DF4B-9089-4084-958D-1D0FB5779114}" scale="80" showPageBreaks="1" fitToPage="1" printArea="1" showAutoFilter="1" hiddenColumns="1" view="pageBreakPreview">
      <pane ySplit="7" topLeftCell="A335" activePane="bottomLeft" state="frozen"/>
      <selection pane="bottomLeft" activeCell="I338" sqref="I338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6989C8E8-DF8B-443A-A0DC-63D85A87347B}" scale="80" showPageBreaks="1" fitToPage="1" printArea="1" filter="1" showAutoFilter="1" hiddenColumns="1" view="pageBreakPreview">
      <pane ySplit="7" topLeftCell="A304" activePane="bottomLeft" state="frozen"/>
      <selection pane="bottomLeft" activeCell="F316" sqref="F316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6">
          <filters blank="1">
            <filter val="こども_x000a_青少年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0F05C73-B9DA-46F9-A090-B8FE2204D51E}" scale="80" showPageBreaks="1" fitToPage="1" printArea="1" showAutoFilter="1" hiddenColumns="1" view="pageBreakPreview">
      <pane ySplit="7" topLeftCell="A8" activePane="bottomLeft" state="frozen"/>
      <selection pane="bottomLeft" activeCell="H10" sqref="H10"/>
      <rowBreaks count="2" manualBreakCount="2">
        <brk id="1025" max="11" man="1"/>
        <brk id="1062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4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498E363-08C1-475C-9CD6-ECF5F8A1E761}" scale="80" showPageBreaks="1" fitToPage="1" printArea="1" showAutoFilter="1" hiddenColumns="1" view="pageBreakPreview">
      <pane ySplit="7" topLeftCell="A1076" activePane="bottomLeft" state="frozen"/>
      <selection pane="bottomLeft" activeCell="I801" sqref="I801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5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0CE4855-8BF5-4B09-B255-E1A19C4E3053}" showPageBreaks="1" fitToPage="1" printArea="1" showAutoFilter="1" hiddenColumns="1" view="pageBreakPreview" topLeftCell="A439">
      <selection activeCell="F442" sqref="F442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6"/>
      <headerFooter>
        <oddFooter>&amp;C&amp;P</oddFooter>
      </headerFooter>
      <autoFilter ref="A7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8DE503A8-656E-41FA-9ED6-359FA3721ACF}" scale="90" showPageBreaks="1" fitToPage="1" printArea="1" showAutoFilter="1" hiddenColumns="1" view="pageBreakPreview" topLeftCell="A1045">
      <selection activeCell="I1039" sqref="I1039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7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22995149-BE93-441E-A433-BD1625B87C24}" scale="85" showPageBreaks="1" fitToPage="1" printArea="1" showAutoFilter="1" hiddenColumns="1" view="pageBreakPreview">
      <pane ySplit="7" topLeftCell="A330" activePane="bottomLeft" state="frozen"/>
      <selection pane="bottomLeft" activeCell="I331" sqref="I331"/>
      <rowBreaks count="3" manualBreakCount="3">
        <brk id="1026" max="11" man="1"/>
        <brk id="1060" max="11" man="1"/>
        <brk id="1095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8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C32E599-0BEF-41F1-8B76-6572A0EC043F}" scale="90" showPageBreaks="1" fitToPage="1" printArea="1" showAutoFilter="1" hiddenColumns="1" view="pageBreakPreview" topLeftCell="A1042">
      <selection activeCell="I1050" sqref="I1050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9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7F4591BF-0F6E-463C-863C-F8DFB75D20FC}" showPageBreaks="1" fitToPage="1" printArea="1" filter="1" showAutoFilter="1" hiddenColumns="1" view="pageBreakPreview">
      <pane ySplit="7" topLeftCell="A8" activePane="bottomLeft" state="frozen"/>
      <selection pane="bottomLeft" activeCell="F507" sqref="F507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10"/>
      <headerFooter>
        <oddFooter>&amp;C&amp;P</oddFooter>
      </headerFooter>
      <autoFilter ref="A6:AV1108">
        <filterColumn colId="1" showButton="0"/>
        <filterColumn colId="2" showButton="0"/>
        <filterColumn colId="3" showButton="0"/>
        <filterColumn colId="6">
          <filters blank="1">
            <filter val="市民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0D972C1-3D2C-4C11-9E56-A82C309030EE}" scale="80" showPageBreaks="1" fitToPage="1" printArea="1" showAutoFilter="1" hiddenColumns="1" view="pageBreakPreview">
      <pane ySplit="7" topLeftCell="A420" activePane="bottomLeft" state="frozen"/>
      <selection pane="bottomLeft" activeCell="I424" sqref="I424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1"/>
      <headerFooter>
        <oddFooter>&amp;C&amp;P</oddFooter>
      </headerFooter>
      <autoFilter ref="A6:GQ110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22CA7278-0BB0-43BE-B164-268A2E7E7747}" scale="80" showPageBreaks="1" fitToPage="1" printArea="1" showAutoFilter="1" hiddenColumns="1" view="pageBreakPreview">
      <pane ySplit="7" topLeftCell="A318" activePane="bottomLeft" state="frozen"/>
      <selection pane="bottomLeft" activeCell="F321" sqref="F321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2"/>
      <headerFooter>
        <oddFooter>&amp;C&amp;P</oddFooter>
      </headerFooter>
      <autoFilter ref="A6:GQ1105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1C44EF9-9F01-4248-AAFB-58D37EA4F0EC}" scale="70" showPageBreaks="1" fitToPage="1" printArea="1" showAutoFilter="1" hiddenColumns="1" view="pageBreakPreview">
      <pane ySplit="7" topLeftCell="A1000" activePane="bottomLeft" state="frozen"/>
      <selection pane="bottomLeft" activeCell="I1054" sqref="I1054"/>
      <rowBreaks count="2" manualBreakCount="2">
        <brk id="1005" max="11" man="1"/>
        <brk id="1040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13"/>
      <headerFooter>
        <oddFooter>&amp;C&amp;P</oddFooter>
      </headerFooter>
      <autoFilter ref="A6:AV1105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44B054F-1122-4B41-9106-F9A119111E6C}" scale="80" showPageBreaks="1" fitToPage="1" printArea="1" filter="1" showAutoFilter="1" hiddenColumns="1" view="pageBreakPreview">
      <pane ySplit="7" topLeftCell="A332" activePane="bottomLeft" state="frozen"/>
      <selection pane="bottomLeft" activeCell="F362" sqref="F362"/>
      <rowBreaks count="2" manualBreakCount="2">
        <brk id="1025" max="11" man="1"/>
        <brk id="1062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4"/>
      <headerFooter>
        <oddFooter>&amp;C&amp;P</oddFooter>
      </headerFooter>
      <autoFilter ref="A6:GQ1105">
        <filterColumn colId="1" showButton="0"/>
        <filterColumn colId="2" showButton="0"/>
        <filterColumn colId="3" showButton="0"/>
        <filterColumn colId="6">
          <filters blank="1">
            <filter val="西区役所"/>
            <filter val="中央区役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4D82BCF-451C-40BA-B4B3-30E21386BB25}" showPageBreaks="1" fitToPage="1" printArea="1" showAutoFilter="1" hiddenColumns="1" view="pageBreakPreview">
      <pane ySplit="7" topLeftCell="A8" activePane="bottomLeft" state="frozen"/>
      <selection pane="bottomLeft" activeCell="H5" sqref="H5"/>
      <rowBreaks count="2" manualBreakCount="2">
        <brk id="1005" max="11" man="1"/>
        <brk id="1040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15"/>
      <headerFooter>
        <oddFooter>&amp;C&amp;P</oddFooter>
      </headerFooter>
      <autoFilter ref="A6:AV1159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2D441E7-D750-4466-9F5C-BED9F80CA5C9}" showPageBreaks="1" fitToPage="1" printArea="1" filter="1" showAutoFilter="1" hiddenColumns="1" view="pageBreakPreview" topLeftCell="A4">
      <pane ySplit="198" topLeftCell="A203" activePane="bottomLeft" state="frozen"/>
      <selection pane="bottomLeft" activeCell="F552" sqref="F552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6"/>
      <headerFooter>
        <oddFooter>&amp;C&amp;P</oddFooter>
      </headerFooter>
      <autoFilter ref="A6:GQ1138">
        <filterColumn colId="1" showButton="0"/>
        <filterColumn colId="2" showButton="0"/>
        <filterColumn colId="3" showButton="0"/>
        <filterColumn colId="6">
          <filters>
            <filter val="経済戦略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06B37801-B90C-4714-B129-94818EB4F65E}" showPageBreaks="1" fitToPage="1" printArea="1" showAutoFilter="1" hiddenColumns="1" view="pageBreakPreview">
      <pane ySplit="7" topLeftCell="A454" activePane="bottomLeft" state="frozen"/>
      <selection pane="bottomLeft" activeCell="F457" sqref="F457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7"/>
      <headerFooter>
        <oddFooter>&amp;C&amp;P</oddFooter>
      </headerFooter>
      <autoFilter ref="A6:GQ1187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0AC8F9C-2188-4C12-A141-8BE304C786F0}" scale="90" showPageBreaks="1" fitToPage="1" printArea="1" filter="1" showAutoFilter="1" hiddenColumns="1" view="pageBreakPreview">
      <pane xSplit="7" ySplit="112" topLeftCell="H639" activePane="bottomRight" state="frozen"/>
      <selection pane="bottomRight" activeCell="I922" sqref="I922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8"/>
      <headerFooter>
        <oddFooter>&amp;C&amp;P</oddFooter>
      </headerFooter>
      <autoFilter ref="A6:GQ1094">
        <filterColumn colId="1" showButton="0"/>
        <filterColumn colId="2" showButton="0"/>
        <filterColumn colId="3" showButton="0"/>
        <filterColumn colId="6">
          <filters>
            <filter val="健康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46A0E73-873C-4404-B73B-B777317F5A7C}" scale="90" showPageBreaks="1" fitToPage="1" printArea="1" filter="1" showAutoFilter="1" hiddenColumns="1" view="pageBreakPreview">
      <pane xSplit="7" ySplit="6" topLeftCell="H91" activePane="bottomRight" state="frozen"/>
      <selection pane="bottomRight" activeCell="I103" sqref="I103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19"/>
      <headerFooter>
        <oddFooter>&amp;C&amp;P</oddFooter>
      </headerFooter>
      <autoFilter ref="A6:AU1094">
        <filterColumn colId="1" showButton="0"/>
        <filterColumn colId="2" showButton="0"/>
        <filterColumn colId="3" showButton="0"/>
        <filterColumn colId="6">
          <filters>
            <filter val="財政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9B02B18F-FBC3-4003-B64D-6BF6D2FAF148}" scale="80" showPageBreaks="1" fitToPage="1" printArea="1" showAutoFilter="1" hiddenColumns="1" view="pageBreakPreview" topLeftCell="A4">
      <pane ySplit="4" topLeftCell="A986" activePane="bottomLeft" state="frozen"/>
      <selection pane="bottomLeft" activeCell="I533" sqref="I533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0"/>
      <headerFooter>
        <oddFooter>&amp;C&amp;P</oddFooter>
      </headerFooter>
      <autoFilter ref="A6:GQ1094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C7353BA-FEB2-44C3-9BD4-FB607F8CAE56}" scale="85" showPageBreaks="1" fitToPage="1" printArea="1" showAutoFilter="1" hiddenColumns="1" view="pageBreakPreview" topLeftCell="A4">
      <pane ySplit="4" topLeftCell="A261" activePane="bottomLeft" state="frozen"/>
      <selection pane="bottomLeft" activeCell="I737" sqref="I737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1"/>
      <headerFooter>
        <oddFooter>&amp;C&amp;P</oddFooter>
      </headerFooter>
      <autoFilter ref="A6:GQ1094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F6E0A5B-1F3F-4878-8986-ED55F9EE06F4}" scale="85" showPageBreaks="1" fitToPage="1" printArea="1" showAutoFilter="1" hiddenColumns="1" view="pageBreakPreview" topLeftCell="A4">
      <pane xSplit="1" ySplit="4" topLeftCell="B820" activePane="bottomRight" state="frozen"/>
      <selection pane="bottomRight" activeCell="V5" sqref="V5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2"/>
      <headerFooter>
        <oddFooter>&amp;C&amp;P</oddFooter>
      </headerFooter>
      <autoFilter ref="A6:GQ112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8061F44-4299-433B-992E-389B11EF0957}" scale="85" showPageBreaks="1" fitToPage="1" printArea="1" showAutoFilter="1" hiddenColumns="1" view="pageBreakPreview" topLeftCell="A4">
      <pane xSplit="1" ySplit="4" topLeftCell="B655" activePane="bottomRight" state="frozen"/>
      <selection pane="bottomRight" activeCell="I657" sqref="I657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3"/>
      <headerFooter>
        <oddFooter>&amp;C&amp;P</oddFooter>
      </headerFooter>
      <autoFilter ref="A6:GQ1123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B8F489ED-1D77-4F4E-A920-2AEA32928870}" showPageBreaks="1" fitToPage="1" printArea="1" showAutoFilter="1" hiddenColumns="1" view="pageBreakPreview">
      <pane ySplit="7" topLeftCell="A8" activePane="bottomLeft" state="frozen"/>
      <selection pane="bottomLeft" activeCell="F12" sqref="F12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4"/>
      <headerFooter>
        <oddFooter>&amp;C&amp;P</oddFooter>
      </headerFooter>
      <autoFilter ref="A6:AU1092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697FA6B-DE17-44B8-B6B3-A9559B9E7087}" scale="80" showPageBreaks="1" fitToPage="1" printArea="1" showAutoFilter="1" hiddenColumns="1" view="pageBreakPreview">
      <selection activeCell="G3" sqref="G3"/>
      <rowBreaks count="2" manualBreakCount="2">
        <brk id="1052" max="11" man="1"/>
        <brk id="1091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5"/>
      <headerFooter>
        <oddFooter>&amp;C&amp;P</oddFooter>
      </headerFooter>
      <autoFilter ref="A6:GQ1092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0B705B4-A912-4810-9C2E-4F7E515E914E}" scale="85" showPageBreaks="1" fitToPage="1" printArea="1" filter="1" showAutoFilter="1" hiddenColumns="1" view="pageBreakPreview" topLeftCell="A4">
      <pane ySplit="215" topLeftCell="A220" activePane="bottomLeft" state="frozen"/>
      <selection pane="bottomLeft" activeCell="G132" sqref="G132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6"/>
      <headerFooter>
        <oddFooter>&amp;C&amp;P</oddFooter>
      </headerFooter>
      <autoFilter ref="A6:AU1092">
        <filterColumn colId="1" showButton="0"/>
        <filterColumn colId="2" showButton="0"/>
        <filterColumn colId="3" showButton="0"/>
        <filterColumn colId="10" showButton="0"/>
        <filterColumn colId="21">
          <filters>
            <filter val="鶴見区役所"/>
            <filter val="東淀川区役所"/>
            <filter val="淀川区役所"/>
          </filters>
        </filterColumn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366D8082-4247-4BD2-8EA9-CB5780D5FB7B}" scale="80" showPageBreaks="1" fitToPage="1" printArea="1" filter="1" showAutoFilter="1" hiddenColumns="1" view="pageBreakPreview">
      <pane ySplit="145" topLeftCell="A1093" activePane="bottomLeft" state="frozen"/>
      <selection pane="bottomLeft" activeCell="K971" sqref="K971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7"/>
      <headerFooter>
        <oddFooter>&amp;C&amp;P</oddFooter>
      </headerFooter>
      <autoFilter ref="A6:GQ1092">
        <filterColumn colId="1" showButton="0"/>
        <filterColumn colId="2" showButton="0"/>
        <filterColumn colId="3" showButton="0"/>
        <filterColumn colId="6">
          <filters>
            <filter val="人事室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9599D06-5045-4F02-A405-3D6703BDDB40}" scale="80" showPageBreaks="1" fitToPage="1" printArea="1" showAutoFilter="1" hiddenColumns="1" view="pageBreakPreview">
      <pane ySplit="7" topLeftCell="A1082" activePane="bottomLeft" state="frozen"/>
      <selection pane="bottomLeft" activeCell="I1088" sqref="I1088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8"/>
      <headerFooter>
        <oddFooter>&amp;C&amp;P</oddFooter>
      </headerFooter>
      <autoFilter ref="A6:GQ1090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4D5FBE2-BDB8-47D1-B4A9-3D49381FAF5C}" scale="85" showPageBreaks="1" fitToPage="1" printArea="1" showAutoFilter="1" hiddenColumns="1" view="pageBreakPreview" topLeftCell="A4">
      <pane xSplit="1" ySplit="4" topLeftCell="B8" activePane="bottomRight" state="frozen"/>
      <selection pane="bottomRight" activeCell="B8" sqref="B8:E8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29"/>
      <headerFooter>
        <oddFooter>&amp;C&amp;P</oddFooter>
      </headerFooter>
      <autoFilter ref="A6:GQ1123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052F3F11-C124-459E-99F9-1A701D48C614}" scale="80" showPageBreaks="1" fitToPage="1" printArea="1" showAutoFilter="1" hiddenColumns="1" view="pageBreakPreview">
      <pane ySplit="7" topLeftCell="A360" activePane="bottomLeft" state="frozen"/>
      <selection pane="bottomLeft" activeCell="I365" sqref="I365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0"/>
      <headerFooter>
        <oddFooter>&amp;C&amp;P</oddFooter>
      </headerFooter>
      <autoFilter ref="A6:GQ112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C548A2E-C48E-45CC-879A-E2EBB2B33EEA}" scale="90" showPageBreaks="1" fitToPage="1" printArea="1" showAutoFilter="1" hiddenColumns="1" view="pageBreakPreview">
      <pane xSplit="7" ySplit="124" topLeftCell="H141" activePane="bottomRight" state="frozen"/>
      <selection pane="bottomRight" activeCell="E881" sqref="E881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1"/>
      <headerFooter>
        <oddFooter>&amp;C&amp;P</oddFooter>
      </headerFooter>
      <autoFilter ref="A6:AU1094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581BD237-B078-4701-B24C-0BFF302F5B2F}" scale="80" showPageBreaks="1" fitToPage="1" printArea="1" showAutoFilter="1" hiddenColumns="1" view="pageBreakPreview" topLeftCell="A4">
      <pane ySplit="4" topLeftCell="A8" activePane="bottomLeft" state="frozen"/>
      <selection pane="bottomLeft" activeCell="F1030" sqref="F1030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2"/>
      <headerFooter>
        <oddFooter>&amp;C&amp;P</oddFooter>
      </headerFooter>
      <autoFilter ref="A6:GQ1094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9C96EC1-4A13-433C-8CA1-D624BCDA23FB}" scale="90" showPageBreaks="1" fitToPage="1" printArea="1" showAutoFilter="1" hiddenColumns="1" view="pageBreakPreview">
      <pane xSplit="7" ySplit="7" topLeftCell="H76" activePane="bottomRight" state="frozen"/>
      <selection pane="bottomRight" activeCell="U1003" sqref="U1003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3"/>
      <headerFooter>
        <oddFooter>&amp;C&amp;P</oddFooter>
      </headerFooter>
      <autoFilter ref="A6:GQ1094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F3F1375-589A-425A-AD36-5AC937F02F87}" scale="90" showPageBreaks="1" fitToPage="1" printArea="1" showAutoFilter="1" hiddenColumns="1" view="pageBreakPreview">
      <pane xSplit="7" ySplit="7" topLeftCell="H305" activePane="bottomRight" state="frozen"/>
      <selection pane="bottomRight" activeCell="F306" sqref="F306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4"/>
      <headerFooter>
        <oddFooter>&amp;C&amp;P</oddFooter>
      </headerFooter>
      <autoFilter ref="A6:GQ113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CFAC28C4-9DA6-44BB-B6AC-1E1BA4188994}" scale="70" showPageBreaks="1" fitToPage="1" printArea="1" showAutoFilter="1" hiddenColumns="1" view="pageBreakPreview">
      <pane ySplit="7" topLeftCell="A329" activePane="bottomLeft" state="frozen"/>
      <selection pane="bottomLeft" activeCell="I332" sqref="I332"/>
      <rowBreaks count="2" manualBreakCount="2">
        <brk id="1005" max="11" man="1"/>
        <brk id="1040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35"/>
      <headerFooter>
        <oddFooter>&amp;C&amp;P</oddFooter>
      </headerFooter>
      <autoFilter ref="A6:AV113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D3F484C7-A7A8-41A6-A643-59A7212BC1DA}" scale="80" showPageBreaks="1" fitToPage="1" printArea="1" showAutoFilter="1" hiddenColumns="1" view="pageBreakPreview">
      <pane ySplit="7" topLeftCell="A550" activePane="bottomLeft" state="frozen"/>
      <selection pane="bottomLeft" activeCell="F551" sqref="F551"/>
      <rowBreaks count="2" manualBreakCount="2">
        <brk id="1052" max="11" man="1"/>
        <brk id="1091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36"/>
      <headerFooter>
        <oddFooter>&amp;C&amp;P</oddFooter>
      </headerFooter>
      <autoFilter ref="A6:GQ113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021E6C9-86EB-41E0-8F9B-D09B9E304D29}" showPageBreaks="1" fitToPage="1" printArea="1" filter="1" showAutoFilter="1" hiddenColumns="1" view="pageBreakPreview" topLeftCell="A338">
      <selection activeCell="G370" sqref="G370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37"/>
      <headerFooter>
        <oddFooter>&amp;C&amp;P</oddFooter>
      </headerFooter>
      <autoFilter ref="A7:GQ1158">
        <filterColumn colId="1" showButton="0"/>
        <filterColumn colId="2" showButton="0"/>
        <filterColumn colId="3" showButton="0"/>
        <filterColumn colId="6">
          <filters blank="1">
            <filter val="旭区役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D1FDF22B-2638-4D49-B1CE-8C5C674E5104}" showPageBreaks="1" fitToPage="1" printArea="1" showAutoFilter="1" hiddenColumns="1" view="pageBreakPreview" topLeftCell="A1094">
      <selection activeCell="I957" sqref="I957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38"/>
      <headerFooter>
        <oddFooter>&amp;C&amp;P</oddFooter>
      </headerFooter>
      <autoFilter ref="A7:GQ115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CD10BCA-61B5-48D1-AFED-EA9B32A0B90E}" scale="80" showPageBreaks="1" fitToPage="1" printArea="1" showAutoFilter="1" hiddenColumns="1" view="pageBreakPreview">
      <pane ySplit="7" topLeftCell="A1163" activePane="bottomLeft" state="frozen"/>
      <selection pane="bottomLeft" activeCell="I1078" sqref="I1078"/>
      <rowBreaks count="2" manualBreakCount="2">
        <brk id="1005" max="11" man="1"/>
        <brk id="1040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39"/>
      <headerFooter>
        <oddFooter>&amp;C&amp;P</oddFooter>
      </headerFooter>
      <autoFilter ref="A6:AV1159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99CD74FC-8B79-402C-9E5F-4C8C844F7522}" showPageBreaks="1" fitToPage="1" printArea="1" showAutoFilter="1" hiddenColumns="1" view="pageBreakPreview">
      <pane ySplit="7" topLeftCell="A8" activePane="bottomLeft" state="frozen"/>
      <selection pane="bottomLeft" activeCell="I1154" sqref="I1154"/>
      <rowBreaks count="2" manualBreakCount="2">
        <brk id="1006" max="11" man="1"/>
        <brk id="1041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40"/>
      <headerFooter>
        <oddFooter>&amp;C&amp;P</oddFooter>
      </headerFooter>
      <autoFilter ref="A6:AV1154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D4EA57D4-4F86-40B9-8148-886698F83C2D}" showPageBreaks="1" fitToPage="1" printArea="1" showAutoFilter="1" hiddenColumns="1" view="pageBreakPreview" topLeftCell="A442">
      <selection activeCell="F448" sqref="F448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41"/>
      <headerFooter>
        <oddFooter>&amp;C&amp;P</oddFooter>
      </headerFooter>
      <autoFilter ref="A7:GQ1105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70837B7F-EB31-4D6D-B20E-5962F6B0E27E}" scale="80" showPageBreaks="1" fitToPage="1" printArea="1" showAutoFilter="1" hiddenColumns="1" view="pageBreakPreview">
      <pane ySplit="7" topLeftCell="A467" activePane="bottomLeft" state="frozen"/>
      <selection pane="bottomLeft" activeCell="F470" sqref="F470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42"/>
      <headerFooter>
        <oddFooter>&amp;C&amp;P</oddFooter>
      </headerFooter>
      <autoFilter ref="A6:GQ1105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4110B35-593F-4B4A-A409-C3E96DF3A694}" scale="85" showPageBreaks="1" fitToPage="1" printArea="1" showAutoFilter="1" hiddenColumns="1" view="pageBreakPreview" topLeftCell="A382">
      <selection activeCell="F389" sqref="F389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43"/>
      <headerFooter>
        <oddFooter>&amp;C&amp;P</oddFooter>
      </headerFooter>
      <autoFilter ref="A7:GQ110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7BAEEC97-8C0D-4727-9C2C-C181F26DD884}" scale="90" showPageBreaks="1" fitToPage="1" printArea="1" filter="1" showAutoFilter="1" hiddenColumns="1" view="pageBreakPreview">
      <pane xSplit="7" ySplit="145" topLeftCell="H457" activePane="bottomRight" state="frozen"/>
      <selection pane="bottomRight" activeCell="F460" sqref="F460"/>
      <rowBreaks count="3" manualBreakCount="3">
        <brk id="63" max="11" man="1"/>
        <brk id="114" max="11" man="1"/>
        <brk id="288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44"/>
      <headerFooter>
        <oddFooter>&amp;C&amp;P</oddFooter>
      </headerFooter>
      <autoFilter ref="A6:GQ1108">
        <filterColumn colId="1" showButton="0"/>
        <filterColumn colId="2" showButton="0"/>
        <filterColumn colId="3" showButton="0"/>
        <filterColumn colId="6">
          <filters>
            <filter val="教育委員会_x000a_事務局"/>
          </filters>
        </filterColumn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A899A51E-0321-424E-A816-E762C6453A5E}" showPageBreaks="1" fitToPage="1" printArea="1" showAutoFilter="1" hiddenColumns="1" view="pageBreakPreview" topLeftCell="A526">
      <selection activeCell="E528" sqref="E528"/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45"/>
      <headerFooter>
        <oddFooter>&amp;C&amp;P</oddFooter>
      </headerFooter>
      <autoFilter ref="A7:GQ110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9C01AE63-CFF0-4106-9038-7FADD737BB91}" scale="85" showPageBreaks="1" fitToPage="1" printArea="1" showAutoFilter="1" hiddenColumns="1" view="pageBreakPreview">
      <pane ySplit="7" topLeftCell="A389" activePane="bottomLeft" state="frozen"/>
      <selection pane="bottomLeft" activeCell="E392" sqref="E392"/>
      <rowBreaks count="1" manualBreakCount="1">
        <brk id="997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46"/>
      <headerFooter>
        <oddFooter>&amp;C&amp;P</oddFooter>
      </headerFooter>
      <autoFilter ref="A6:GQ110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E16630A9-77A8-489F-A623-9A8FC0379AC4}" showPageBreaks="1" fitToPage="1" printArea="1" showAutoFilter="1" hiddenColumns="1" view="pageBreakPreview">
      <pane ySplit="7" topLeftCell="A339" activePane="bottomLeft" state="frozen"/>
      <selection pane="bottomLeft" activeCell="H343" sqref="H343"/>
      <rowBreaks count="2" manualBreakCount="2">
        <brk id="1006" max="11" man="1"/>
        <brk id="1041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ellComments="asDisplayed" copies="2" r:id="rId47"/>
      <headerFooter>
        <oddFooter>&amp;C&amp;P</oddFooter>
      </headerFooter>
      <autoFilter ref="A6:AV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45D004E6-D125-4BDB-B604-8C7F9987A296}" scale="80" showPageBreaks="1" fitToPage="1" printArea="1" showAutoFilter="1" hiddenColumns="1" view="pageBreakPreview">
      <pane ySplit="7" topLeftCell="A8" activePane="bottomLeft" state="frozen"/>
      <selection pane="bottomLeft"/>
      <rowBreaks count="2" manualBreakCount="2">
        <brk id="1050" max="11" man="1"/>
        <brk id="1089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48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  <customSheetView guid="{2AC5AF6D-E947-4E06-81E5-FE5E3908C039}" scale="85" showPageBreaks="1" fitToPage="1" printArea="1" showAutoFilter="1" hiddenColumns="1" view="pageBreakPreview">
      <pane ySplit="7" topLeftCell="A338" activePane="bottomLeft" state="frozen"/>
      <selection pane="bottomLeft" activeCell="F341" sqref="F341"/>
      <rowBreaks count="3" manualBreakCount="3">
        <brk id="1026" max="11" man="1"/>
        <brk id="1060" max="11" man="1"/>
        <brk id="1095" max="11" man="1"/>
      </rowBreaks>
      <pageMargins left="0.70866141732283472" right="0.70866141732283472" top="0.78740157480314965" bottom="0.59055118110236227" header="0.31496062992125984" footer="0.31496062992125984"/>
      <printOptions horizontalCentered="1"/>
      <pageSetup paperSize="9" scale="74" fitToHeight="0" orientation="portrait" blackAndWhite="1" copies="2" r:id="rId49"/>
      <headerFooter>
        <oddFooter>&amp;C&amp;P</oddFooter>
      </headerFooter>
      <autoFilter ref="A6:GQ1098">
        <filterColumn colId="1" showButton="0"/>
        <filterColumn colId="2" showButton="0"/>
        <filterColumn colId="3" showButton="0"/>
        <filterColumn colId="10" showButton="0"/>
        <filterColumn colId="33" showButton="0"/>
        <filterColumn colId="34" showButton="0"/>
        <filterColumn colId="35" showButton="0"/>
        <filterColumn colId="36" showButton="0"/>
        <filterColumn colId="37" showButton="0"/>
        <filterColumn colId="38" showButton="0"/>
        <filterColumn colId="39" showButton="0"/>
        <filterColumn colId="41" showButton="0"/>
        <filterColumn colId="42" showButton="0"/>
        <filterColumn colId="43" showButton="0"/>
        <filterColumn colId="44" showButton="0"/>
        <filterColumn colId="45" showButton="0"/>
      </autoFilter>
    </customSheetView>
  </customSheetViews>
  <mergeCells count="13">
    <mergeCell ref="J1:K1"/>
    <mergeCell ref="G4:H4"/>
    <mergeCell ref="B6:E7"/>
    <mergeCell ref="F6:F7"/>
    <mergeCell ref="J6:K7"/>
    <mergeCell ref="AG5:AN7"/>
    <mergeCell ref="AO5:AT7"/>
    <mergeCell ref="D10:E10"/>
    <mergeCell ref="A12:E12"/>
    <mergeCell ref="C9:E9"/>
    <mergeCell ref="B8:E8"/>
    <mergeCell ref="W2:AA5"/>
    <mergeCell ref="L6:L7"/>
  </mergeCells>
  <phoneticPr fontId="3"/>
  <conditionalFormatting sqref="G8:H9 G12:H12">
    <cfRule type="expression" dxfId="7" priority="1636">
      <formula>G8=""</formula>
    </cfRule>
  </conditionalFormatting>
  <conditionalFormatting sqref="H10">
    <cfRule type="expression" dxfId="6" priority="1635">
      <formula>H10=""</formula>
    </cfRule>
  </conditionalFormatting>
  <conditionalFormatting sqref="H11">
    <cfRule type="expression" dxfId="5" priority="1587">
      <formula>H11=""</formula>
    </cfRule>
  </conditionalFormatting>
  <conditionalFormatting sqref="G10">
    <cfRule type="expression" dxfId="4" priority="232">
      <formula>G10=""</formula>
    </cfRule>
  </conditionalFormatting>
  <conditionalFormatting sqref="G11">
    <cfRule type="expression" dxfId="3" priority="226">
      <formula>G11=""</formula>
    </cfRule>
  </conditionalFormatting>
  <conditionalFormatting sqref="E8">
    <cfRule type="expression" dxfId="2" priority="63472">
      <formula>L8:L839="○"</formula>
    </cfRule>
  </conditionalFormatting>
  <conditionalFormatting sqref="E9">
    <cfRule type="expression" dxfId="1" priority="63487">
      <formula>L9:L903="○"</formula>
    </cfRule>
  </conditionalFormatting>
  <conditionalFormatting sqref="E10:E11">
    <cfRule type="expression" dxfId="0" priority="63489">
      <formula>L10:L996="○"</formula>
    </cfRule>
  </conditionalFormatting>
  <printOptions horizontalCentered="1"/>
  <pageMargins left="0.70866141732283472" right="0.70866141732283472" top="0.78740157480314965" bottom="0.59055118110236227" header="0.31496062992125984" footer="0.31496062992125984"/>
  <pageSetup paperSize="9" scale="82" fitToHeight="0" orientation="portrait" blackAndWhite="1" copies="2" r:id="rId50"/>
  <headerFooter>
    <oddFooter>&amp;C&amp;P</oddFooter>
  </headerFooter>
  <legacyDrawing r:id="rId5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様式5歳入一覧</vt:lpstr>
      <vt:lpstr>様式5歳入一覧!Print_Area</vt:lpstr>
      <vt:lpstr>様式5歳入一覧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柴田　和幸</dc:creator>
  <cp:lastModifiedBy>坂本　仁</cp:lastModifiedBy>
  <cp:lastPrinted>2022-02-15T05:15:41Z</cp:lastPrinted>
  <dcterms:created xsi:type="dcterms:W3CDTF">2006-09-16T00:00:00Z</dcterms:created>
  <dcterms:modified xsi:type="dcterms:W3CDTF">2022-03-30T04:07:53Z</dcterms:modified>
</cp:coreProperties>
</file>